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8201"/>
  <workbookPr defaultThemeVersion="124226"/>
  <mc:AlternateContent xmlns:mc="http://schemas.openxmlformats.org/markup-compatibility/2006">
    <mc:Choice Requires="x15">
      <x15ac:absPath xmlns:x15ac="http://schemas.microsoft.com/office/spreadsheetml/2010/11/ac" url="I:\Information Governance Team\Transparency\2. Open data\1. Datasets\1. Datasets - published\CSG\CSG - Finance\SPA\"/>
    </mc:Choice>
  </mc:AlternateContent>
  <bookViews>
    <workbookView xWindow="0" yWindow="0" windowWidth="19200" windowHeight="11376"/>
  </bookViews>
  <sheets>
    <sheet name="2018-19 Resources" sheetId="1" r:id="rId1"/>
    <sheet name="10635" sheetId="4" state="hidden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_1__123Graph_LBL_ACHART_1" hidden="1">'[1]19951996'!$C$4:$N$4</definedName>
    <definedName name="_CJI3">'[2]CJI3 Pivot 8 May 09'!$A$4:$F$2194</definedName>
    <definedName name="_DAT1">#REF!</definedName>
    <definedName name="_DAT10">#REF!</definedName>
    <definedName name="_DAT11">#REF!</definedName>
    <definedName name="_DAT12">#REF!</definedName>
    <definedName name="_DAT13">#REF!</definedName>
    <definedName name="_DAT14">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edu1">[3]Children!$S$119</definedName>
    <definedName name="_edu2">[3]Children!$T$119</definedName>
    <definedName name="_edu3">[3]Children!$U$119</definedName>
    <definedName name="_edu4">[3]Children!$V$119</definedName>
    <definedName name="_gov1">'[3]Governance - NP'!$T$14</definedName>
    <definedName name="_gov2">'[3]Governance - NP'!$U$14</definedName>
    <definedName name="_gov3">'[3]Governance - NP'!$V$14</definedName>
    <definedName name="_gov4">'[3]Governance - NP'!$W$14</definedName>
    <definedName name="_hra1">'[3]HRA - NP'!$O$30</definedName>
    <definedName name="_hra2">'[3]HRA - NP'!$P$30</definedName>
    <definedName name="_hra3">'[3]HRA - NP'!$Q$30</definedName>
    <definedName name="_hra4">'[3]HRA - NP'!$R$30</definedName>
    <definedName name="_Lev1">#REF!</definedName>
    <definedName name="_Lev2">#REF!</definedName>
    <definedName name="_Order1" hidden="1">255</definedName>
    <definedName name="_Order2" hidden="1">255</definedName>
    <definedName name="_res1">'[3]Resources - NP'!$T$91</definedName>
    <definedName name="_res2">'[3]Resources - NP'!$U$91</definedName>
    <definedName name="_res3">'[3]Resources - NP'!$V$91</definedName>
    <definedName name="_res4">'[3]Resources - NP'!$W$91</definedName>
    <definedName name="_spr1">[4]Detailed!$A$1:$T$302</definedName>
    <definedName name="accident_cost">#REF!</definedName>
    <definedName name="Accruals07_lookup">#REF!</definedName>
    <definedName name="adult1">'[3]Adult SS - NP'!$S$22</definedName>
    <definedName name="adult2">'[3]Adult SS - NP'!$T$22</definedName>
    <definedName name="adult3">'[3]Adult SS - NP'!$U$22</definedName>
    <definedName name="adult4">'[3]Adult SS - NP'!$V$22</definedName>
    <definedName name="adultfy">'[3]Adult SS - NP'!$Q$22</definedName>
    <definedName name="adultpy">'[3]Adult SS - NP'!$E$22</definedName>
    <definedName name="adulty1">'[3]Adult SS - NP'!$F$22</definedName>
    <definedName name="adulty2">'[3]Adult SS - NP'!$G$22</definedName>
    <definedName name="adulty3">'[3]Adult SS - NP'!$O$22</definedName>
    <definedName name="adulty4">'[3]Adult SS - NP'!$P$22</definedName>
    <definedName name="AllData_2006">#REF!</definedName>
    <definedName name="AllProjects">#REF!</definedName>
    <definedName name="area_committee">#REF!</definedName>
    <definedName name="ARREARS_BOROUGH">'[5]6.2'!#REF!</definedName>
    <definedName name="AssetList">#REF!</definedName>
    <definedName name="au">#REF!</definedName>
    <definedName name="audit1">'[3]Plan &amp; Enviro Protect - NP'!$S$13</definedName>
    <definedName name="audit2">'[3]Plan &amp; Enviro Protect - NP'!$T$13</definedName>
    <definedName name="audit3">'[3]Plan &amp; Enviro Protect - NP'!$U$13</definedName>
    <definedName name="audit4">'[3]Plan &amp; Enviro Protect - NP'!$V$13</definedName>
    <definedName name="auditfy">'[3]Plan &amp; Enviro Protect - NP'!$Q$13</definedName>
    <definedName name="auditpy">'[3]Plan &amp; Enviro Protect - NP'!$E$13</definedName>
    <definedName name="audity1">'[3]Plan &amp; Enviro Protect - NP'!$F$13</definedName>
    <definedName name="audity2">'[3]Plan &amp; Enviro Protect - NP'!$G$13</definedName>
    <definedName name="audity3">'[3]Plan &amp; Enviro Protect - NP'!$O$13</definedName>
    <definedName name="audity4">'[3]Plan &amp; Enviro Protect - NP'!$P$13</definedName>
    <definedName name="augh">#REF!</definedName>
    <definedName name="aughoo">#REF!</definedName>
    <definedName name="Barnet_Highway_Gazetteer">#REF!</definedName>
    <definedName name="boro_name">'[6]Budget figures'!#REF!</definedName>
    <definedName name="cashbalance">#REF!</definedName>
    <definedName name="CB_CW">#REF!</definedName>
    <definedName name="CB_FW">#REF!</definedName>
    <definedName name="CBBR1">#REF!</definedName>
    <definedName name="CBCW1">#REF!</definedName>
    <definedName name="CBFW1">#REF!</definedName>
    <definedName name="CBLSS1">#REF!</definedName>
    <definedName name="CBTC1">#REF!</definedName>
    <definedName name="co">#REF!</definedName>
    <definedName name="colrefs">#REF!</definedName>
    <definedName name="Comms">#REF!</definedName>
    <definedName name="cor">#REF!</definedName>
    <definedName name="ctrlexp1">'[3]Ctrl Expenses - NP'!$S$11</definedName>
    <definedName name="ctrlexp2">'[3]Ctrl Expenses - NP'!$T$11</definedName>
    <definedName name="ctrlexp3">'[3]Ctrl Expenses - NP'!$U$11</definedName>
    <definedName name="ctrlexp4">'[3]Ctrl Expenses - NP'!$V$11</definedName>
    <definedName name="ctrlexpfy">'[3]Ctrl Expenses - NP'!$Q$11</definedName>
    <definedName name="ctrlexppy">'[3]Ctrl Expenses - NP'!$E$11</definedName>
    <definedName name="ctrlexpy1">'[3]Ctrl Expenses - NP'!$F$11</definedName>
    <definedName name="ctrlexpy2">'[3]Ctrl Expenses - NP'!$G$11</definedName>
    <definedName name="ctrlexpy3">'[3]Ctrl Expenses - NP'!$O$11</definedName>
    <definedName name="ctrlexpy4">'[3]Ctrl Expenses - NP'!$P$11</definedName>
    <definedName name="cut_dclg">#REF!</definedName>
    <definedName name="cut_defra">#REF!</definedName>
    <definedName name="cut_dfe">#REF!</definedName>
    <definedName name="cut_dft">#REF!</definedName>
    <definedName name="cut_total">#REF!</definedName>
    <definedName name="Data">#REF!</definedName>
    <definedName name="DATA1">#REF!</definedName>
    <definedName name="DATA10">#REF!</definedName>
    <definedName name="DATA11">#REF!</definedName>
    <definedName name="DATA12">#REF!</definedName>
    <definedName name="DATA13">#REF!</definedName>
    <definedName name="DATA14">#REF!</definedName>
    <definedName name="DATA15">#REF!</definedName>
    <definedName name="DATA16">#REF!</definedName>
    <definedName name="DATA17">#REF!</definedName>
    <definedName name="DATA18">#REF!</definedName>
    <definedName name="DATA19">#REF!</definedName>
    <definedName name="DATA2">#REF!</definedName>
    <definedName name="DATA20">#REF!</definedName>
    <definedName name="DATA21">#REF!</definedName>
    <definedName name="DATA22">#REF!</definedName>
    <definedName name="DATA23">#REF!</definedName>
    <definedName name="DATA24">#REF!</definedName>
    <definedName name="DATA25">'[7]HD07 RCCO journal'!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datarange1">[8]Highways!$A$1:$G$15</definedName>
    <definedName name="Dedicated_School_Grant">#REF!</definedName>
    <definedName name="DWPdata">#REF!</definedName>
    <definedName name="ecode">[9]Summary!#REF!</definedName>
    <definedName name="edufy">[3]Children!$Q$119</definedName>
    <definedName name="edupy">[3]Children!$E$119</definedName>
    <definedName name="eduy1">[3]Children!$F$119</definedName>
    <definedName name="eduy2">[3]Children!$G$119</definedName>
    <definedName name="eduy3">[3]Children!$O$119</definedName>
    <definedName name="eduy4">[3]Children!$P$119</definedName>
    <definedName name="envir1">'[3] Envir &amp; Trans Services  - NP'!$S$232</definedName>
    <definedName name="envir2">'[3] Envir &amp; Trans Services  - NP'!$T$232</definedName>
    <definedName name="envir3">'[3] Envir &amp; Trans Services  - NP'!$U$232</definedName>
    <definedName name="envir4">'[3] Envir &amp; Trans Services  - NP'!$V$232</definedName>
    <definedName name="envirfy">'[3] Envir &amp; Trans Services  - NP'!$Q$232</definedName>
    <definedName name="envirpy">'[3] Envir &amp; Trans Services  - NP'!$E$232</definedName>
    <definedName name="enviry1">'[3] Envir &amp; Trans Services  - NP'!$F$232</definedName>
    <definedName name="enviry2">'[3] Envir &amp; Trans Services  - NP'!$G$232</definedName>
    <definedName name="enviry3">'[3] Envir &amp; Trans Services  - NP'!$O$232</definedName>
    <definedName name="enviry4">'[3] Envir &amp; Trans Services  - NP'!$P$232</definedName>
    <definedName name="Ethnic_Minority_Achievement">#REF!</definedName>
    <definedName name="FGG_CW">#REF!</definedName>
    <definedName name="FGG_FW">#REF!</definedName>
    <definedName name="FGGBR1">#REF!</definedName>
    <definedName name="FGGCW1">#REF!</definedName>
    <definedName name="FGGFW1">#REF!</definedName>
    <definedName name="FGGLSS1">#REF!</definedName>
    <definedName name="FGGTC1">#REF!</definedName>
    <definedName name="fleetlist">[10]Current_01.11.09!$A$5:$I$499</definedName>
    <definedName name="fletlist">[11]Current_01.1.10!$A$4:$O$386</definedName>
    <definedName name="fpm">'[12]GPL FPM Charge'!$A$1:$R$232</definedName>
    <definedName name="Funding">[8]Highways!$A$1:$G$15</definedName>
    <definedName name="govfy">'[3]Governance - NP'!$R$14</definedName>
    <definedName name="govpy">'[3]Governance - NP'!$E$14</definedName>
    <definedName name="govy1">'[3]Governance - NP'!$F$14</definedName>
    <definedName name="govy2">'[3]Governance - NP'!$G$14</definedName>
    <definedName name="govy3">'[3]Governance - NP'!$P$14</definedName>
    <definedName name="govy4">'[3]Governance - NP'!$Q$14</definedName>
    <definedName name="HEN_CW">#REF!</definedName>
    <definedName name="HEN_FW">#REF!</definedName>
    <definedName name="HENBR1">#REF!</definedName>
    <definedName name="HENCW1">#REF!</definedName>
    <definedName name="HENFW1">#REF!</definedName>
    <definedName name="HENLSS1">#REF!</definedName>
    <definedName name="HENTC1">#REF!</definedName>
    <definedName name="hhh">#REF!</definedName>
    <definedName name="Hillingdon">#REF!</definedName>
    <definedName name="hous1">'[3]Housing - NP'!$S$11</definedName>
    <definedName name="hous2">'[3]Housing - NP'!$T$11</definedName>
    <definedName name="hous3">'[3]Housing - NP'!$U$11</definedName>
    <definedName name="hous4">'[3]Housing - NP'!$V$11</definedName>
    <definedName name="housfy">'[3]Housing - NP'!$Q$11</definedName>
    <definedName name="houspy">'[3]Housing - NP'!$E$11</definedName>
    <definedName name="housy1">'[3]Housing - NP'!$F$11</definedName>
    <definedName name="housy2">'[3]Housing - NP'!$G$11</definedName>
    <definedName name="housy3">'[3]Housing - NP'!$O$11</definedName>
    <definedName name="housy4">'[3]Housing - NP'!$P$11</definedName>
    <definedName name="hrafy">'[3]HRA - NP'!$M$30</definedName>
    <definedName name="hrapy">'[3]HRA - NP'!$E$30</definedName>
    <definedName name="hray1">'[3]HRA - NP'!$F$30</definedName>
    <definedName name="hray2">'[3]HRA - NP'!$G$30</definedName>
    <definedName name="hray3">'[3]HRA - NP'!$J$30</definedName>
    <definedName name="hray4">'[3]HRA - NP'!$K$30</definedName>
    <definedName name="LA">[9]Summary!#REF!</definedName>
    <definedName name="LAList">#REF!</definedName>
    <definedName name="lookup">#REF!</definedName>
    <definedName name="Loopup1">#REF!</definedName>
    <definedName name="Month_lookup">#REF!</definedName>
    <definedName name="NHSAmb">#REF!</definedName>
    <definedName name="NHSAmbCode">#REF!</definedName>
    <definedName name="NHSAmbList">#REF!</definedName>
    <definedName name="NHSdata">#REF!</definedName>
    <definedName name="NHSTrust">#REF!</definedName>
    <definedName name="NHSTrustcode">#REF!</definedName>
    <definedName name="NHSTrustList">#REF!</definedName>
    <definedName name="NonDFC">#REF!</definedName>
    <definedName name="ocode">#REF!</definedName>
    <definedName name="OList">#REF!</definedName>
    <definedName name="other">#REF!</definedName>
    <definedName name="PAGE7_6">#REF!</definedName>
    <definedName name="pass_results_0607_Query">#REF!</definedName>
    <definedName name="PCT">#REF!</definedName>
    <definedName name="PCTcode">#REF!</definedName>
    <definedName name="PCTdata">#REF!</definedName>
    <definedName name="PCTList">#REF!</definedName>
    <definedName name="_xlnm.Print_Area" localSheetId="0">'2018-19 Resources'!$A$1:$C$33</definedName>
    <definedName name="_xlnm.Print_Titles">'[13]1997-98'!#REF!</definedName>
    <definedName name="PRINT_TITLES_MI">'[13]1997-98'!#REF!</definedName>
    <definedName name="pw">[14]Sheet3!$A:$IV</definedName>
    <definedName name="regorder">'[10]Reg Order'!$A$4:$J$4548</definedName>
    <definedName name="resfy">'[3]Resources - NP'!$R$91</definedName>
    <definedName name="respy">'[3]Resources - NP'!$E$91</definedName>
    <definedName name="resy1">'[3]Resources - NP'!$F$91</definedName>
    <definedName name="resy2">'[3]Resources - NP'!$G$91</definedName>
    <definedName name="resy3">'[3]Resources - NP'!$P$91</definedName>
    <definedName name="resy4">'[3]Resources - NP'!$Q$91</definedName>
    <definedName name="ro">#REF!</definedName>
    <definedName name="sap">#REF!</definedName>
    <definedName name="School_Lunch_Grant">#REF!</definedName>
    <definedName name="Section_58">#REF!</definedName>
    <definedName name="SHA">#REF!</definedName>
    <definedName name="SHAcode">#REF!</definedName>
    <definedName name="SHAdata">#REF!</definedName>
    <definedName name="SHAList">#REF!</definedName>
    <definedName name="sheet1">'[15]Hid Raw Data'!#REF!</definedName>
    <definedName name="Status">#REF!</definedName>
    <definedName name="strdev1">'[3]Strategic Development - NP'!$S$28</definedName>
    <definedName name="strdev2">'[3]Strategic Development - NP'!$T$28</definedName>
    <definedName name="strdev3">'[3]Strategic Development - NP'!$U$28</definedName>
    <definedName name="strdev4">'[3]Strategic Development - NP'!$V$28</definedName>
    <definedName name="strdevfy">'[3]Strategic Development - NP'!$Q$28</definedName>
    <definedName name="strdevpy">'[3]Strategic Development - NP'!$E$28</definedName>
    <definedName name="strdevy1">'[3]Strategic Development - NP'!$F$28</definedName>
    <definedName name="strdevy2">'[3]Strategic Development - NP'!$G$28</definedName>
    <definedName name="strdevy3">'[3]Strategic Development - NP'!$O$28</definedName>
    <definedName name="strdevy4">'[3]Strategic Development - NP'!$P$28</definedName>
    <definedName name="Targeted_Support_for_Primary___Secondary_Strategy">#REF!</definedName>
    <definedName name="TEST1">#REF!</definedName>
    <definedName name="TEST10">#REF!</definedName>
    <definedName name="TEST11">#REF!</definedName>
    <definedName name="TEST12">#REF!</definedName>
    <definedName name="TEST13">#REF!</definedName>
    <definedName name="TEST14">#REF!</definedName>
    <definedName name="TEST15">#REF!</definedName>
    <definedName name="TEST16">#REF!</definedName>
    <definedName name="TEST17">#REF!</definedName>
    <definedName name="TEST2">#REF!</definedName>
    <definedName name="TEST3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HKEY">#REF!</definedName>
    <definedName name="TESTKEYS">#REF!</definedName>
    <definedName name="TESTVKEY">#REF!</definedName>
    <definedName name="totamtdue">#REF!</definedName>
    <definedName name="totamtrecd">#REF!</definedName>
    <definedName name="totowing">#REF!</definedName>
    <definedName name="Trishal_format_lookup_data">#REF!</definedName>
    <definedName name="Type_lookup_range">#REF!</definedName>
    <definedName name="UpperCode">#REF!</definedName>
    <definedName name="UpperList">#REF!</definedName>
    <definedName name="UpperTier">#REF!</definedName>
    <definedName name="Values">#REF!</definedName>
    <definedName name="VT_RANKING_CI_TABLE_WITH_NSG">#REF!</definedName>
    <definedName name="WBS_lookup_range">#REF!</definedName>
  </definedNames>
  <calcPr calcId="171027"/>
</workbook>
</file>

<file path=xl/calcChain.xml><?xml version="1.0" encoding="utf-8"?>
<calcChain xmlns="http://schemas.openxmlformats.org/spreadsheetml/2006/main">
  <c r="J53" i="4" l="1"/>
  <c r="I56" i="4"/>
  <c r="I28" i="4"/>
  <c r="I29" i="4" s="1"/>
  <c r="I54" i="4"/>
  <c r="I58" i="4" s="1"/>
  <c r="I57" i="4"/>
  <c r="I55" i="4"/>
</calcChain>
</file>

<file path=xl/sharedStrings.xml><?xml version="1.0" encoding="utf-8"?>
<sst xmlns="http://schemas.openxmlformats.org/spreadsheetml/2006/main" count="202" uniqueCount="113">
  <si>
    <t>Total Qualifying Expenditure</t>
  </si>
  <si>
    <t>10016 - Levies</t>
  </si>
  <si>
    <t>Concessionary Fares</t>
  </si>
  <si>
    <t>10890- Road Structural Responsive</t>
  </si>
  <si>
    <t>Highways Maintenance</t>
  </si>
  <si>
    <t>10635 - Road Structural Planned</t>
  </si>
  <si>
    <t>Roads/footways programme - qualifying spend</t>
  </si>
  <si>
    <t>Various Capital Projects incl PEPs</t>
  </si>
  <si>
    <t>Highways Investment Programme</t>
  </si>
  <si>
    <t>£'000</t>
  </si>
  <si>
    <t>Actual</t>
  </si>
  <si>
    <t>Usage identified below</t>
  </si>
  <si>
    <t>Appropriation to General Fund</t>
  </si>
  <si>
    <t>Net Operating Surplus</t>
  </si>
  <si>
    <t>11352 Special Parking Account</t>
  </si>
  <si>
    <t>Operating Expenditure</t>
  </si>
  <si>
    <t>Expenditure</t>
  </si>
  <si>
    <t>Total Income</t>
  </si>
  <si>
    <t>CCTV  Bus lanes</t>
  </si>
  <si>
    <t>Pay &amp; Display</t>
  </si>
  <si>
    <t>Residents Permits</t>
  </si>
  <si>
    <t>Penalty Charge Notices</t>
  </si>
  <si>
    <t xml:space="preserve">Income </t>
  </si>
  <si>
    <t>1. SPA Accounts</t>
  </si>
  <si>
    <t>Current Forecast</t>
  </si>
  <si>
    <t>Variance</t>
  </si>
  <si>
    <t/>
  </si>
  <si>
    <t>Integra Finance System LBB - LIVE</t>
  </si>
  <si>
    <t>BDM Report - I&amp;E excluding recharges and Capital costs</t>
  </si>
  <si>
    <t>Cycle Code: 151610</t>
  </si>
  <si>
    <t>Manager</t>
  </si>
  <si>
    <t>Cost Centre</t>
  </si>
  <si>
    <t>Description</t>
  </si>
  <si>
    <t>Expense Code</t>
  </si>
  <si>
    <t>Originial Budget 2015-16</t>
  </si>
  <si>
    <t>Full Year Budget</t>
  </si>
  <si>
    <t>Actuals Ytd</t>
  </si>
  <si>
    <t>Previous Month</t>
  </si>
  <si>
    <t>1415 Final Outturn (Actuals)</t>
  </si>
  <si>
    <t>Comments</t>
  </si>
  <si>
    <t>410000</t>
  </si>
  <si>
    <t>Equipment and Materials Purcha</t>
  </si>
  <si>
    <t>420070</t>
  </si>
  <si>
    <t>Advertising</t>
  </si>
  <si>
    <t>420090</t>
  </si>
  <si>
    <t>Other Services</t>
  </si>
  <si>
    <t>Supplies/Services</t>
  </si>
  <si>
    <t>800000</t>
  </si>
  <si>
    <t>Settlement of WOM Costs</t>
  </si>
  <si>
    <t>810000</t>
  </si>
  <si>
    <t>Allocation Of Wom</t>
  </si>
  <si>
    <t>Secondary Recharges</t>
  </si>
  <si>
    <t>Subtotal : Expenditure</t>
  </si>
  <si>
    <t>730000</t>
  </si>
  <si>
    <t>General Sales</t>
  </si>
  <si>
    <t>731000</t>
  </si>
  <si>
    <t>Fees and Charges</t>
  </si>
  <si>
    <t>Customer &amp; Client Receipts</t>
  </si>
  <si>
    <t>Subtotal : Income</t>
  </si>
  <si>
    <t>Grand Total</t>
  </si>
  <si>
    <t>Costcentre 10635 -  Road Structl Planned</t>
  </si>
  <si>
    <t>10635</t>
  </si>
  <si>
    <t>Road Structl Planned</t>
  </si>
  <si>
    <t>424010</t>
  </si>
  <si>
    <t>Subscriptions</t>
  </si>
  <si>
    <t>427000</t>
  </si>
  <si>
    <t>Miscellaneous Expenses</t>
  </si>
  <si>
    <t>821025</t>
  </si>
  <si>
    <t>DES &amp; BUILD REAL</t>
  </si>
  <si>
    <t>Expense Head</t>
  </si>
  <si>
    <t>Full Year</t>
  </si>
  <si>
    <t>Period</t>
  </si>
  <si>
    <t xml:space="preserve">Year To Date </t>
  </si>
  <si>
    <t>Order</t>
  </si>
  <si>
    <t>Code</t>
  </si>
  <si>
    <t>Budget £</t>
  </si>
  <si>
    <t>Actuals £</t>
  </si>
  <si>
    <t>Variance £</t>
  </si>
  <si>
    <t>Commitments £</t>
  </si>
  <si>
    <t>Subtotal : Supplies/Services</t>
  </si>
  <si>
    <t>Subtotal : Customer &amp; Client Receipts</t>
  </si>
  <si>
    <t>Subtotal : Secondary Recharges</t>
  </si>
  <si>
    <t>Total : Income/Expenditure</t>
  </si>
  <si>
    <t>581000</t>
  </si>
  <si>
    <t>Depreciation</t>
  </si>
  <si>
    <t>582000</t>
  </si>
  <si>
    <t>Loss on Impairment of Assets</t>
  </si>
  <si>
    <t>583010</t>
  </si>
  <si>
    <t>Rev Exp for Cap Stat (REFCUS)</t>
  </si>
  <si>
    <t>Subtotal : Asset Capital Accg Charges</t>
  </si>
  <si>
    <t>Total : Asset Capital Charges</t>
  </si>
  <si>
    <t>Exclude</t>
  </si>
  <si>
    <t>Exclude Depreciation, Loss of Impairment, REFCUS and Income on Design &amp; Build Recharge -Capital</t>
  </si>
  <si>
    <t>Directorate Outturn</t>
  </si>
  <si>
    <t>161712</t>
  </si>
  <si>
    <t>Year to period 12</t>
  </si>
  <si>
    <t>Delivery Unit</t>
  </si>
  <si>
    <t>D Lbbcom C70</t>
  </si>
  <si>
    <t>Profit Centre</t>
  </si>
  <si>
    <t>Account Code</t>
  </si>
  <si>
    <t>YTD</t>
  </si>
  <si>
    <t>Regional Enterprise</t>
  </si>
  <si>
    <t>Re Managed Budgets</t>
  </si>
  <si>
    <t>10635 : Road Structl Planned</t>
  </si>
  <si>
    <t>420090 : Other Services</t>
  </si>
  <si>
    <t>810000 : Allocation Of Wom</t>
  </si>
  <si>
    <t>821015 : COMMUNICATION REAL</t>
  </si>
  <si>
    <t>821025 : DES &amp; BUILD REAL</t>
  </si>
  <si>
    <t>821057 : LEGAL REAL</t>
  </si>
  <si>
    <t>821105 : CSG  - Doc Solutions</t>
  </si>
  <si>
    <t>821107 : CSG  - IT</t>
  </si>
  <si>
    <t>Special Parking Account  Resources 2018-19</t>
  </si>
  <si>
    <t>2.2018-2019 Identified Us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44" formatCode="_-&quot;£&quot;* #,##0.00_-;\-&quot;£&quot;* #,##0.00_-;_-&quot;£&quot;* &quot;-&quot;??_-;_-@_-"/>
    <numFmt numFmtId="43" formatCode="_-* #,##0.00_-;\-* #,##0.00_-;_-* &quot;-&quot;??_-;_-@_-"/>
    <numFmt numFmtId="164" formatCode="#,;[Red]\(#,\)"/>
    <numFmt numFmtId="165" formatCode="#,###;\(#,###\)"/>
    <numFmt numFmtId="166" formatCode="#,;\(#,\)"/>
    <numFmt numFmtId="167" formatCode="_#\,\-;\(#,\)"/>
    <numFmt numFmtId="168" formatCode="#,##0.00;\(#,##0.00\)"/>
    <numFmt numFmtId="169" formatCode="#,##0;\(#,##0\)"/>
    <numFmt numFmtId="170" formatCode="#,##0;[Red]\(#,##0\)"/>
  </numFmts>
  <fonts count="45" x14ac:knownFonts="1">
    <font>
      <sz val="11"/>
      <color theme="1"/>
      <name val="Calibri"/>
      <family val="2"/>
      <scheme val="minor"/>
    </font>
    <font>
      <sz val="12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sz val="10"/>
      <name val="Times New Roman"/>
      <family val="1"/>
    </font>
    <font>
      <b/>
      <sz val="14"/>
      <color indexed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1"/>
      <color indexed="8"/>
      <name val="Calibri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color indexed="56"/>
      <name val="Arial"/>
      <family val="2"/>
    </font>
    <font>
      <b/>
      <sz val="12"/>
      <color indexed="56"/>
      <name val="Arial"/>
      <family val="2"/>
    </font>
    <font>
      <b/>
      <sz val="10"/>
      <color indexed="9"/>
      <name val="Arial"/>
      <family val="2"/>
    </font>
    <font>
      <sz val="10"/>
      <color indexed="9"/>
      <name val="Arial"/>
      <family val="2"/>
    </font>
    <font>
      <sz val="10"/>
      <color indexed="8"/>
      <name val="Arial"/>
      <family val="2"/>
    </font>
    <font>
      <b/>
      <sz val="10"/>
      <color indexed="8"/>
      <name val="Arial"/>
      <family val="2"/>
    </font>
    <font>
      <b/>
      <sz val="10"/>
      <name val="Times New Roman"/>
      <family val="1"/>
    </font>
    <font>
      <b/>
      <sz val="12"/>
      <color indexed="56"/>
      <name val="Arial"/>
      <family val="2"/>
    </font>
    <font>
      <b/>
      <sz val="10"/>
      <color indexed="56"/>
      <name val="Arial"/>
      <family val="2"/>
    </font>
    <font>
      <sz val="10"/>
      <color indexed="9"/>
      <name val="Arial"/>
      <family val="2"/>
    </font>
    <font>
      <sz val="10"/>
      <color indexed="8"/>
      <name val="Arial"/>
      <family val="2"/>
    </font>
    <font>
      <b/>
      <u/>
      <sz val="11"/>
      <name val="Calibri"/>
      <family val="2"/>
      <scheme val="minor"/>
    </font>
    <font>
      <sz val="11"/>
      <name val="Calibri"/>
      <family val="2"/>
      <scheme val="minor"/>
    </font>
    <font>
      <sz val="16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i/>
      <sz val="10"/>
      <name val="Calibri"/>
      <family val="2"/>
      <scheme val="minor"/>
    </font>
    <font>
      <b/>
      <i/>
      <sz val="10"/>
      <name val="Calibri"/>
      <family val="2"/>
      <scheme val="minor"/>
    </font>
    <font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name val="Arial"/>
    </font>
  </fonts>
  <fills count="4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rgb="FF003399"/>
        <bgColor indexed="64"/>
      </patternFill>
    </fill>
    <fill>
      <patternFill patternType="solid">
        <fgColor rgb="FF009999"/>
        <bgColor indexed="64"/>
      </patternFill>
    </fill>
    <fill>
      <patternFill patternType="solid">
        <fgColor rgb="FF009F9F"/>
        <bgColor indexed="64"/>
      </patternFill>
    </fill>
    <fill>
      <patternFill patternType="solid">
        <fgColor rgb="FFF8F8FC"/>
        <bgColor indexed="64"/>
      </patternFill>
    </fill>
    <fill>
      <patternFill patternType="solid">
        <fgColor rgb="FFAED7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44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808080"/>
      </left>
      <right/>
      <top style="thin">
        <color rgb="FF808080"/>
      </top>
      <bottom/>
      <diagonal/>
    </border>
    <border>
      <left/>
      <right/>
      <top style="thin">
        <color rgb="FF808080"/>
      </top>
      <bottom/>
      <diagonal/>
    </border>
    <border>
      <left/>
      <right style="thin">
        <color rgb="FF808080"/>
      </right>
      <top style="thin">
        <color rgb="FF808080"/>
      </top>
      <bottom/>
      <diagonal/>
    </border>
    <border>
      <left style="thin">
        <color rgb="FF808080"/>
      </left>
      <right/>
      <top/>
      <bottom/>
      <diagonal/>
    </border>
    <border>
      <left/>
      <right style="thin">
        <color rgb="FF808080"/>
      </right>
      <top/>
      <bottom/>
      <diagonal/>
    </border>
    <border>
      <left style="thin">
        <color rgb="FF808080"/>
      </left>
      <right/>
      <top/>
      <bottom style="thin">
        <color rgb="FF808080"/>
      </bottom>
      <diagonal/>
    </border>
    <border>
      <left/>
      <right/>
      <top/>
      <bottom style="thin">
        <color rgb="FF808080"/>
      </bottom>
      <diagonal/>
    </border>
    <border>
      <left/>
      <right style="thin">
        <color rgb="FF808080"/>
      </right>
      <top/>
      <bottom style="thin">
        <color rgb="FF808080"/>
      </bottom>
      <diagonal/>
    </border>
    <border>
      <left style="thin">
        <color rgb="FF808080"/>
      </left>
      <right/>
      <top style="thin">
        <color rgb="FF808080"/>
      </top>
      <bottom style="thin">
        <color rgb="FF808080"/>
      </bottom>
      <diagonal/>
    </border>
    <border>
      <left/>
      <right/>
      <top style="thin">
        <color rgb="FF808080"/>
      </top>
      <bottom style="thin">
        <color rgb="FF808080"/>
      </bottom>
      <diagonal/>
    </border>
    <border>
      <left/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808080"/>
      </left>
      <right style="thin">
        <color rgb="FF808080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indexed="64"/>
      </left>
      <right/>
      <top/>
      <bottom style="thin">
        <color rgb="FF808080"/>
      </bottom>
      <diagonal/>
    </border>
    <border>
      <left/>
      <right style="thin">
        <color indexed="64"/>
      </right>
      <top/>
      <bottom style="thin">
        <color rgb="FF808080"/>
      </bottom>
      <diagonal/>
    </border>
    <border>
      <left style="thin">
        <color indexed="64"/>
      </left>
      <right style="thin">
        <color rgb="FF808080"/>
      </right>
      <top/>
      <bottom/>
      <diagonal/>
    </border>
    <border>
      <left style="thin">
        <color rgb="FF808080"/>
      </left>
      <right style="thin">
        <color indexed="64"/>
      </right>
      <top/>
      <bottom/>
      <diagonal/>
    </border>
    <border>
      <left style="thin">
        <color indexed="64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808080"/>
      </left>
      <right style="thin">
        <color indexed="64"/>
      </right>
      <top style="thin">
        <color rgb="FF808080"/>
      </top>
      <bottom style="thin">
        <color rgb="FF808080"/>
      </bottom>
      <diagonal/>
    </border>
    <border>
      <left style="thin">
        <color indexed="64"/>
      </left>
      <right style="thin">
        <color rgb="FF808080"/>
      </right>
      <top style="thin">
        <color rgb="FF808080"/>
      </top>
      <bottom style="thin">
        <color indexed="64"/>
      </bottom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indexed="64"/>
      </bottom>
      <diagonal/>
    </border>
    <border>
      <left style="thin">
        <color rgb="FF808080"/>
      </left>
      <right style="thin">
        <color indexed="64"/>
      </right>
      <top style="thin">
        <color rgb="FF808080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60">
    <xf numFmtId="0" fontId="0" fillId="0" borderId="0"/>
    <xf numFmtId="0" fontId="1" fillId="0" borderId="0"/>
    <xf numFmtId="0" fontId="2" fillId="0" borderId="0"/>
    <xf numFmtId="0" fontId="4" fillId="0" borderId="0"/>
    <xf numFmtId="0" fontId="4" fillId="0" borderId="0"/>
    <xf numFmtId="0" fontId="4" fillId="0" borderId="0"/>
    <xf numFmtId="0" fontId="2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5" fillId="0" borderId="10">
      <alignment vertical="center" wrapText="1"/>
    </xf>
    <xf numFmtId="0" fontId="6" fillId="0" borderId="0">
      <alignment horizontal="left" wrapText="1"/>
    </xf>
    <xf numFmtId="0" fontId="7" fillId="0" borderId="0">
      <alignment horizontal="left" vertical="center"/>
    </xf>
    <xf numFmtId="0" fontId="8" fillId="0" borderId="0"/>
    <xf numFmtId="0" fontId="2" fillId="0" borderId="0"/>
    <xf numFmtId="0" fontId="2" fillId="0" borderId="0"/>
    <xf numFmtId="43" fontId="9" fillId="0" borderId="0" applyFont="0" applyFill="0" applyBorder="0" applyAlignment="0" applyProtection="0"/>
    <xf numFmtId="0" fontId="15" fillId="0" borderId="0">
      <alignment vertical="top"/>
    </xf>
    <xf numFmtId="0" fontId="2" fillId="0" borderId="0"/>
    <xf numFmtId="0" fontId="29" fillId="0" borderId="0" applyNumberFormat="0" applyFill="0" applyBorder="0" applyAlignment="0" applyProtection="0"/>
    <xf numFmtId="0" fontId="30" fillId="0" borderId="35" applyNumberFormat="0" applyFill="0" applyAlignment="0" applyProtection="0"/>
    <xf numFmtId="0" fontId="31" fillId="0" borderId="36" applyNumberFormat="0" applyFill="0" applyAlignment="0" applyProtection="0"/>
    <xf numFmtId="0" fontId="32" fillId="0" borderId="37" applyNumberFormat="0" applyFill="0" applyAlignment="0" applyProtection="0"/>
    <xf numFmtId="0" fontId="32" fillId="0" borderId="0" applyNumberFormat="0" applyFill="0" applyBorder="0" applyAlignment="0" applyProtection="0"/>
    <xf numFmtId="0" fontId="33" fillId="12" borderId="0" applyNumberFormat="0" applyBorder="0" applyAlignment="0" applyProtection="0"/>
    <xf numFmtId="0" fontId="34" fillId="13" borderId="0" applyNumberFormat="0" applyBorder="0" applyAlignment="0" applyProtection="0"/>
    <xf numFmtId="0" fontId="35" fillId="14" borderId="0" applyNumberFormat="0" applyBorder="0" applyAlignment="0" applyProtection="0"/>
    <xf numFmtId="0" fontId="36" fillId="15" borderId="38" applyNumberFormat="0" applyAlignment="0" applyProtection="0"/>
    <xf numFmtId="0" fontId="37" fillId="16" borderId="39" applyNumberFormat="0" applyAlignment="0" applyProtection="0"/>
    <xf numFmtId="0" fontId="38" fillId="16" borderId="38" applyNumberFormat="0" applyAlignment="0" applyProtection="0"/>
    <xf numFmtId="0" fontId="39" fillId="0" borderId="40" applyNumberFormat="0" applyFill="0" applyAlignment="0" applyProtection="0"/>
    <xf numFmtId="0" fontId="40" fillId="17" borderId="41" applyNumberFormat="0" applyAlignment="0" applyProtection="0"/>
    <xf numFmtId="0" fontId="41" fillId="0" borderId="0" applyNumberFormat="0" applyFill="0" applyBorder="0" applyAlignment="0" applyProtection="0"/>
    <xf numFmtId="0" fontId="9" fillId="18" borderId="42" applyNumberFormat="0" applyFont="0" applyAlignment="0" applyProtection="0"/>
    <xf numFmtId="0" fontId="42" fillId="0" borderId="0" applyNumberFormat="0" applyFill="0" applyBorder="0" applyAlignment="0" applyProtection="0"/>
    <xf numFmtId="0" fontId="10" fillId="0" borderId="43" applyNumberFormat="0" applyFill="0" applyAlignment="0" applyProtection="0"/>
    <xf numFmtId="0" fontId="43" fillId="19" borderId="0" applyNumberFormat="0" applyBorder="0" applyAlignment="0" applyProtection="0"/>
    <xf numFmtId="0" fontId="9" fillId="20" borderId="0" applyNumberFormat="0" applyBorder="0" applyAlignment="0" applyProtection="0"/>
    <xf numFmtId="0" fontId="9" fillId="21" borderId="0" applyNumberFormat="0" applyBorder="0" applyAlignment="0" applyProtection="0"/>
    <xf numFmtId="0" fontId="9" fillId="22" borderId="0" applyNumberFormat="0" applyBorder="0" applyAlignment="0" applyProtection="0"/>
    <xf numFmtId="0" fontId="43" fillId="23" borderId="0" applyNumberFormat="0" applyBorder="0" applyAlignment="0" applyProtection="0"/>
    <xf numFmtId="0" fontId="9" fillId="24" borderId="0" applyNumberFormat="0" applyBorder="0" applyAlignment="0" applyProtection="0"/>
    <xf numFmtId="0" fontId="9" fillId="25" borderId="0" applyNumberFormat="0" applyBorder="0" applyAlignment="0" applyProtection="0"/>
    <xf numFmtId="0" fontId="9" fillId="26" borderId="0" applyNumberFormat="0" applyBorder="0" applyAlignment="0" applyProtection="0"/>
    <xf numFmtId="0" fontId="43" fillId="27" borderId="0" applyNumberFormat="0" applyBorder="0" applyAlignment="0" applyProtection="0"/>
    <xf numFmtId="0" fontId="9" fillId="28" borderId="0" applyNumberFormat="0" applyBorder="0" applyAlignment="0" applyProtection="0"/>
    <xf numFmtId="0" fontId="9" fillId="29" borderId="0" applyNumberFormat="0" applyBorder="0" applyAlignment="0" applyProtection="0"/>
    <xf numFmtId="0" fontId="9" fillId="30" borderId="0" applyNumberFormat="0" applyBorder="0" applyAlignment="0" applyProtection="0"/>
    <xf numFmtId="0" fontId="43" fillId="31" borderId="0" applyNumberFormat="0" applyBorder="0" applyAlignment="0" applyProtection="0"/>
    <xf numFmtId="0" fontId="9" fillId="32" borderId="0" applyNumberFormat="0" applyBorder="0" applyAlignment="0" applyProtection="0"/>
    <xf numFmtId="0" fontId="9" fillId="33" borderId="0" applyNumberFormat="0" applyBorder="0" applyAlignment="0" applyProtection="0"/>
    <xf numFmtId="0" fontId="9" fillId="34" borderId="0" applyNumberFormat="0" applyBorder="0" applyAlignment="0" applyProtection="0"/>
    <xf numFmtId="0" fontId="43" fillId="35" borderId="0" applyNumberFormat="0" applyBorder="0" applyAlignment="0" applyProtection="0"/>
    <xf numFmtId="0" fontId="9" fillId="36" borderId="0" applyNumberFormat="0" applyBorder="0" applyAlignment="0" applyProtection="0"/>
    <xf numFmtId="0" fontId="9" fillId="37" borderId="0" applyNumberFormat="0" applyBorder="0" applyAlignment="0" applyProtection="0"/>
    <xf numFmtId="0" fontId="9" fillId="38" borderId="0" applyNumberFormat="0" applyBorder="0" applyAlignment="0" applyProtection="0"/>
    <xf numFmtId="0" fontId="43" fillId="39" borderId="0" applyNumberFormat="0" applyBorder="0" applyAlignment="0" applyProtection="0"/>
    <xf numFmtId="0" fontId="9" fillId="40" borderId="0" applyNumberFormat="0" applyBorder="0" applyAlignment="0" applyProtection="0"/>
    <xf numFmtId="0" fontId="9" fillId="41" borderId="0" applyNumberFormat="0" applyBorder="0" applyAlignment="0" applyProtection="0"/>
    <xf numFmtId="0" fontId="9" fillId="42" borderId="0" applyNumberFormat="0" applyBorder="0" applyAlignment="0" applyProtection="0"/>
    <xf numFmtId="0" fontId="44" fillId="0" borderId="0"/>
  </cellStyleXfs>
  <cellXfs count="138">
    <xf numFmtId="0" fontId="0" fillId="0" borderId="0" xfId="0"/>
    <xf numFmtId="38" fontId="10" fillId="0" borderId="0" xfId="0" applyNumberFormat="1" applyFont="1"/>
    <xf numFmtId="0" fontId="14" fillId="6" borderId="22" xfId="0" applyFont="1" applyFill="1" applyBorder="1" applyAlignment="1">
      <alignment horizontal="left" vertical="top" wrapText="1"/>
    </xf>
    <xf numFmtId="0" fontId="14" fillId="6" borderId="22" xfId="0" applyFont="1" applyFill="1" applyBorder="1" applyAlignment="1">
      <alignment horizontal="right" vertical="top" wrapText="1"/>
    </xf>
    <xf numFmtId="0" fontId="15" fillId="4" borderId="23" xfId="0" applyNumberFormat="1" applyFont="1" applyFill="1" applyBorder="1" applyAlignment="1">
      <alignment horizontal="left" vertical="top" wrapText="1"/>
    </xf>
    <xf numFmtId="168" fontId="15" fillId="4" borderId="23" xfId="0" applyNumberFormat="1" applyFont="1" applyFill="1" applyBorder="1" applyAlignment="1">
      <alignment horizontal="right" vertical="top" wrapText="1"/>
    </xf>
    <xf numFmtId="168" fontId="13" fillId="6" borderId="23" xfId="0" applyNumberFormat="1" applyFont="1" applyFill="1" applyBorder="1" applyAlignment="1">
      <alignment vertical="center"/>
    </xf>
    <xf numFmtId="0" fontId="13" fillId="6" borderId="23" xfId="0" applyFont="1" applyFill="1" applyBorder="1" applyAlignment="1">
      <alignment vertical="center"/>
    </xf>
    <xf numFmtId="0" fontId="0" fillId="0" borderId="12" xfId="0" applyBorder="1"/>
    <xf numFmtId="0" fontId="14" fillId="7" borderId="22" xfId="0" applyFont="1" applyFill="1" applyBorder="1" applyAlignment="1">
      <alignment horizontal="right" vertical="top" wrapText="1"/>
    </xf>
    <xf numFmtId="0" fontId="14" fillId="7" borderId="22" xfId="0" applyFont="1" applyFill="1" applyBorder="1" applyAlignment="1">
      <alignment horizontal="left" vertical="top" wrapText="1"/>
    </xf>
    <xf numFmtId="0" fontId="15" fillId="8" borderId="23" xfId="0" applyNumberFormat="1" applyFont="1" applyFill="1" applyBorder="1" applyAlignment="1">
      <alignment horizontal="left" vertical="top" wrapText="1"/>
    </xf>
    <xf numFmtId="169" fontId="15" fillId="8" borderId="23" xfId="0" applyNumberFormat="1" applyFont="1" applyFill="1" applyBorder="1" applyAlignment="1">
      <alignment horizontal="right" vertical="top" wrapText="1"/>
    </xf>
    <xf numFmtId="169" fontId="16" fillId="9" borderId="23" xfId="0" applyNumberFormat="1" applyFont="1" applyFill="1" applyBorder="1" applyAlignment="1">
      <alignment vertical="center"/>
    </xf>
    <xf numFmtId="0" fontId="3" fillId="3" borderId="0" xfId="0" applyFont="1" applyFill="1"/>
    <xf numFmtId="0" fontId="2" fillId="0" borderId="0" xfId="0" applyFont="1"/>
    <xf numFmtId="0" fontId="15" fillId="8" borderId="23" xfId="0" applyNumberFormat="1" applyFont="1" applyFill="1" applyBorder="1" applyAlignment="1">
      <alignment horizontal="center" vertical="top" wrapText="1"/>
    </xf>
    <xf numFmtId="169" fontId="2" fillId="0" borderId="0" xfId="0" applyNumberFormat="1" applyFont="1" applyAlignment="1">
      <alignment horizontal="center"/>
    </xf>
    <xf numFmtId="169" fontId="3" fillId="0" borderId="5" xfId="0" applyNumberFormat="1" applyFont="1" applyBorder="1" applyAlignment="1">
      <alignment horizontal="center"/>
    </xf>
    <xf numFmtId="0" fontId="17" fillId="0" borderId="0" xfId="1" applyFont="1"/>
    <xf numFmtId="168" fontId="0" fillId="0" borderId="12" xfId="0" applyNumberFormat="1" applyBorder="1"/>
    <xf numFmtId="168" fontId="0" fillId="0" borderId="0" xfId="0" applyNumberFormat="1"/>
    <xf numFmtId="169" fontId="16" fillId="3" borderId="23" xfId="0" applyNumberFormat="1" applyFont="1" applyFill="1" applyBorder="1" applyAlignment="1">
      <alignment vertical="center"/>
    </xf>
    <xf numFmtId="169" fontId="15" fillId="3" borderId="23" xfId="0" applyNumberFormat="1" applyFont="1" applyFill="1" applyBorder="1" applyAlignment="1">
      <alignment horizontal="right" vertical="top" wrapText="1"/>
    </xf>
    <xf numFmtId="168" fontId="15" fillId="3" borderId="23" xfId="0" applyNumberFormat="1" applyFont="1" applyFill="1" applyBorder="1" applyAlignment="1">
      <alignment horizontal="right" vertical="top" wrapText="1"/>
    </xf>
    <xf numFmtId="0" fontId="20" fillId="6" borderId="22" xfId="0" applyFont="1" applyFill="1" applyBorder="1" applyAlignment="1">
      <alignment horizontal="left" vertical="top" wrapText="1"/>
    </xf>
    <xf numFmtId="0" fontId="20" fillId="6" borderId="22" xfId="0" applyFont="1" applyFill="1" applyBorder="1" applyAlignment="1">
      <alignment horizontal="right" vertical="top" wrapText="1"/>
    </xf>
    <xf numFmtId="0" fontId="21" fillId="4" borderId="23" xfId="0" applyNumberFormat="1" applyFont="1" applyFill="1" applyBorder="1" applyAlignment="1">
      <alignment horizontal="left" vertical="top" wrapText="1"/>
    </xf>
    <xf numFmtId="168" fontId="21" fillId="4" borderId="23" xfId="0" applyNumberFormat="1" applyFont="1" applyFill="1" applyBorder="1" applyAlignment="1">
      <alignment horizontal="right" vertical="top" wrapText="1"/>
    </xf>
    <xf numFmtId="0" fontId="0" fillId="0" borderId="7" xfId="0" applyBorder="1"/>
    <xf numFmtId="0" fontId="0" fillId="0" borderId="9" xfId="0" applyBorder="1"/>
    <xf numFmtId="0" fontId="0" fillId="0" borderId="8" xfId="0" applyBorder="1"/>
    <xf numFmtId="0" fontId="20" fillId="6" borderId="26" xfId="0" applyFont="1" applyFill="1" applyBorder="1" applyAlignment="1">
      <alignment horizontal="left" vertical="top" wrapText="1"/>
    </xf>
    <xf numFmtId="0" fontId="20" fillId="6" borderId="27" xfId="0" applyFont="1" applyFill="1" applyBorder="1" applyAlignment="1">
      <alignment horizontal="right" vertical="top" wrapText="1"/>
    </xf>
    <xf numFmtId="0" fontId="21" fillId="4" borderId="28" xfId="0" applyNumberFormat="1" applyFont="1" applyFill="1" applyBorder="1" applyAlignment="1">
      <alignment horizontal="left" vertical="top" wrapText="1"/>
    </xf>
    <xf numFmtId="168" fontId="21" fillId="4" borderId="29" xfId="0" applyNumberFormat="1" applyFont="1" applyFill="1" applyBorder="1" applyAlignment="1">
      <alignment horizontal="right" vertical="top" wrapText="1"/>
    </xf>
    <xf numFmtId="0" fontId="21" fillId="4" borderId="30" xfId="0" applyNumberFormat="1" applyFont="1" applyFill="1" applyBorder="1" applyAlignment="1">
      <alignment horizontal="left" vertical="top" wrapText="1"/>
    </xf>
    <xf numFmtId="0" fontId="21" fillId="4" borderId="31" xfId="0" applyNumberFormat="1" applyFont="1" applyFill="1" applyBorder="1" applyAlignment="1">
      <alignment horizontal="left" vertical="top" wrapText="1"/>
    </xf>
    <xf numFmtId="168" fontId="21" fillId="4" borderId="31" xfId="0" applyNumberFormat="1" applyFont="1" applyFill="1" applyBorder="1" applyAlignment="1">
      <alignment horizontal="right" vertical="top" wrapText="1"/>
    </xf>
    <xf numFmtId="168" fontId="21" fillId="4" borderId="32" xfId="0" applyNumberFormat="1" applyFont="1" applyFill="1" applyBorder="1" applyAlignment="1">
      <alignment horizontal="right" vertical="top" wrapText="1"/>
    </xf>
    <xf numFmtId="169" fontId="0" fillId="0" borderId="0" xfId="0" applyNumberFormat="1"/>
    <xf numFmtId="169" fontId="16" fillId="10" borderId="23" xfId="0" applyNumberFormat="1" applyFont="1" applyFill="1" applyBorder="1" applyAlignment="1">
      <alignment horizontal="right" vertical="top" wrapText="1"/>
    </xf>
    <xf numFmtId="169" fontId="2" fillId="11" borderId="0" xfId="0" applyNumberFormat="1" applyFont="1" applyFill="1" applyAlignment="1">
      <alignment horizontal="center"/>
    </xf>
    <xf numFmtId="169" fontId="15" fillId="11" borderId="23" xfId="0" applyNumberFormat="1" applyFont="1" applyFill="1" applyBorder="1" applyAlignment="1">
      <alignment horizontal="right" vertical="top" wrapText="1"/>
    </xf>
    <xf numFmtId="0" fontId="9" fillId="0" borderId="0" xfId="0" applyFont="1"/>
    <xf numFmtId="38" fontId="9" fillId="0" borderId="0" xfId="0" applyNumberFormat="1" applyFont="1"/>
    <xf numFmtId="3" fontId="9" fillId="0" borderId="0" xfId="0" applyNumberFormat="1" applyFont="1" applyFill="1"/>
    <xf numFmtId="167" fontId="22" fillId="0" borderId="0" xfId="1" applyNumberFormat="1" applyFont="1" applyAlignment="1"/>
    <xf numFmtId="0" fontId="23" fillId="0" borderId="0" xfId="1" applyFont="1"/>
    <xf numFmtId="0" fontId="24" fillId="0" borderId="0" xfId="1" applyFont="1" applyFill="1"/>
    <xf numFmtId="0" fontId="24" fillId="0" borderId="0" xfId="1" applyFont="1"/>
    <xf numFmtId="0" fontId="23" fillId="0" borderId="0" xfId="1" applyFont="1" applyBorder="1" applyAlignment="1">
      <alignment wrapText="1"/>
    </xf>
    <xf numFmtId="0" fontId="23" fillId="0" borderId="2" xfId="1" applyFont="1" applyBorder="1"/>
    <xf numFmtId="0" fontId="23" fillId="0" borderId="0" xfId="1" applyFont="1" applyBorder="1"/>
    <xf numFmtId="0" fontId="25" fillId="0" borderId="0" xfId="1" applyFont="1" applyFill="1" applyBorder="1"/>
    <xf numFmtId="0" fontId="25" fillId="0" borderId="0" xfId="1" applyFont="1"/>
    <xf numFmtId="165" fontId="26" fillId="0" borderId="9" xfId="1" applyNumberFormat="1" applyFont="1" applyFill="1" applyBorder="1" applyAlignment="1">
      <alignment horizontal="left"/>
    </xf>
    <xf numFmtId="0" fontId="26" fillId="0" borderId="7" xfId="1" applyFont="1" applyBorder="1" applyAlignment="1">
      <alignment horizontal="center"/>
    </xf>
    <xf numFmtId="0" fontId="25" fillId="0" borderId="8" xfId="1" applyFont="1" applyBorder="1"/>
    <xf numFmtId="165" fontId="26" fillId="0" borderId="6" xfId="1" applyNumberFormat="1" applyFont="1" applyFill="1" applyBorder="1" applyAlignment="1">
      <alignment horizontal="left"/>
    </xf>
    <xf numFmtId="166" fontId="26" fillId="0" borderId="2" xfId="1" applyNumberFormat="1" applyFont="1" applyFill="1" applyBorder="1" applyAlignment="1">
      <alignment horizontal="center"/>
    </xf>
    <xf numFmtId="0" fontId="25" fillId="0" borderId="4" xfId="1" applyFont="1" applyFill="1" applyBorder="1"/>
    <xf numFmtId="0" fontId="26" fillId="0" borderId="6" xfId="1" applyFont="1" applyBorder="1" applyAlignment="1">
      <alignment wrapText="1"/>
    </xf>
    <xf numFmtId="169" fontId="25" fillId="0" borderId="0" xfId="1" applyNumberFormat="1" applyFont="1" applyBorder="1"/>
    <xf numFmtId="165" fontId="25" fillId="0" borderId="6" xfId="1" applyNumberFormat="1" applyFont="1" applyBorder="1"/>
    <xf numFmtId="170" fontId="25" fillId="0" borderId="0" xfId="1" applyNumberFormat="1" applyFont="1" applyFill="1" applyBorder="1"/>
    <xf numFmtId="0" fontId="25" fillId="0" borderId="4" xfId="1" applyNumberFormat="1" applyFont="1" applyFill="1" applyBorder="1" applyAlignment="1">
      <alignment horizontal="left"/>
    </xf>
    <xf numFmtId="49" fontId="25" fillId="0" borderId="0" xfId="1" applyNumberFormat="1" applyFont="1" applyFill="1" applyBorder="1" applyAlignment="1">
      <alignment horizontal="left"/>
    </xf>
    <xf numFmtId="170" fontId="25" fillId="0" borderId="2" xfId="1" applyNumberFormat="1" applyFont="1" applyFill="1" applyBorder="1"/>
    <xf numFmtId="165" fontId="26" fillId="0" borderId="6" xfId="1" applyNumberFormat="1" applyFont="1" applyBorder="1" applyAlignment="1">
      <alignment horizontal="right"/>
    </xf>
    <xf numFmtId="170" fontId="26" fillId="0" borderId="0" xfId="1" applyNumberFormat="1" applyFont="1" applyFill="1" applyBorder="1"/>
    <xf numFmtId="169" fontId="25" fillId="0" borderId="0" xfId="1" applyNumberFormat="1" applyFont="1" applyFill="1" applyBorder="1"/>
    <xf numFmtId="0" fontId="25" fillId="0" borderId="6" xfId="1" applyNumberFormat="1" applyFont="1" applyFill="1" applyBorder="1" applyAlignment="1">
      <alignment horizontal="left"/>
    </xf>
    <xf numFmtId="49" fontId="25" fillId="0" borderId="4" xfId="1" applyNumberFormat="1" applyFont="1" applyFill="1" applyBorder="1" applyAlignment="1">
      <alignment horizontal="left"/>
    </xf>
    <xf numFmtId="0" fontId="26" fillId="0" borderId="0" xfId="1" applyFont="1"/>
    <xf numFmtId="49" fontId="25" fillId="0" borderId="6" xfId="1" applyNumberFormat="1" applyFont="1" applyFill="1" applyBorder="1" applyAlignment="1">
      <alignment horizontal="left"/>
    </xf>
    <xf numFmtId="169" fontId="26" fillId="0" borderId="7" xfId="1" applyNumberFormat="1" applyFont="1" applyFill="1" applyBorder="1"/>
    <xf numFmtId="165" fontId="25" fillId="0" borderId="6" xfId="1" applyNumberFormat="1" applyFont="1" applyFill="1" applyBorder="1" applyAlignment="1">
      <alignment horizontal="right"/>
    </xf>
    <xf numFmtId="0" fontId="27" fillId="0" borderId="4" xfId="1" applyFont="1" applyFill="1" applyBorder="1"/>
    <xf numFmtId="165" fontId="25" fillId="0" borderId="6" xfId="1" applyNumberFormat="1" applyFont="1" applyFill="1" applyBorder="1" applyAlignment="1">
      <alignment horizontal="left"/>
    </xf>
    <xf numFmtId="164" fontId="25" fillId="0" borderId="0" xfId="1" applyNumberFormat="1" applyFont="1"/>
    <xf numFmtId="169" fontId="26" fillId="0" borderId="0" xfId="1" applyNumberFormat="1" applyFont="1" applyFill="1" applyBorder="1"/>
    <xf numFmtId="165" fontId="25" fillId="0" borderId="6" xfId="1" applyNumberFormat="1" applyFont="1" applyFill="1" applyBorder="1"/>
    <xf numFmtId="165" fontId="26" fillId="0" borderId="6" xfId="1" applyNumberFormat="1" applyFont="1" applyFill="1" applyBorder="1"/>
    <xf numFmtId="169" fontId="26" fillId="2" borderId="0" xfId="1" applyNumberFormat="1" applyFont="1" applyFill="1" applyBorder="1"/>
    <xf numFmtId="0" fontId="28" fillId="0" borderId="4" xfId="1" applyFont="1" applyFill="1" applyBorder="1" applyAlignment="1">
      <alignment wrapText="1"/>
    </xf>
    <xf numFmtId="0" fontId="28" fillId="0" borderId="0" xfId="1" applyFont="1" applyFill="1" applyBorder="1" applyAlignment="1">
      <alignment wrapText="1"/>
    </xf>
    <xf numFmtId="0" fontId="25" fillId="0" borderId="3" xfId="1" applyFont="1" applyBorder="1" applyAlignment="1">
      <alignment wrapText="1"/>
    </xf>
    <xf numFmtId="164" fontId="26" fillId="0" borderId="2" xfId="1" applyNumberFormat="1" applyFont="1" applyFill="1" applyBorder="1"/>
    <xf numFmtId="0" fontId="25" fillId="0" borderId="1" xfId="1" applyFont="1" applyFill="1" applyBorder="1"/>
    <xf numFmtId="165" fontId="26" fillId="0" borderId="6" xfId="1" applyNumberFormat="1" applyFont="1" applyBorder="1"/>
    <xf numFmtId="164" fontId="26" fillId="0" borderId="0" xfId="1" applyNumberFormat="1" applyFont="1" applyBorder="1" applyAlignment="1">
      <alignment horizontal="center"/>
    </xf>
    <xf numFmtId="164" fontId="26" fillId="0" borderId="2" xfId="1" applyNumberFormat="1" applyFont="1" applyFill="1" applyBorder="1" applyAlignment="1">
      <alignment horizontal="center"/>
    </xf>
    <xf numFmtId="164" fontId="26" fillId="0" borderId="0" xfId="1" applyNumberFormat="1" applyFont="1" applyFill="1" applyBorder="1" applyAlignment="1">
      <alignment horizontal="center"/>
    </xf>
    <xf numFmtId="0" fontId="25" fillId="0" borderId="4" xfId="1" applyFont="1" applyBorder="1"/>
    <xf numFmtId="165" fontId="25" fillId="0" borderId="6" xfId="1" applyNumberFormat="1" applyFont="1" applyFill="1" applyBorder="1" applyAlignment="1">
      <alignment wrapText="1"/>
    </xf>
    <xf numFmtId="164" fontId="25" fillId="0" borderId="0" xfId="1" applyNumberFormat="1" applyFont="1" applyFill="1" applyBorder="1" applyAlignment="1"/>
    <xf numFmtId="0" fontId="27" fillId="0" borderId="0" xfId="1" applyFont="1" applyFill="1" applyBorder="1"/>
    <xf numFmtId="0" fontId="25" fillId="0" borderId="0" xfId="1" applyFont="1" applyFill="1" applyBorder="1" applyAlignment="1">
      <alignment horizontal="right"/>
    </xf>
    <xf numFmtId="165" fontId="25" fillId="0" borderId="4" xfId="1" applyNumberFormat="1" applyFont="1" applyFill="1" applyBorder="1" applyAlignment="1">
      <alignment wrapText="1"/>
    </xf>
    <xf numFmtId="0" fontId="25" fillId="0" borderId="6" xfId="1" applyFont="1" applyFill="1" applyBorder="1" applyAlignment="1">
      <alignment wrapText="1"/>
    </xf>
    <xf numFmtId="43" fontId="27" fillId="0" borderId="0" xfId="15" applyFont="1" applyFill="1" applyBorder="1"/>
    <xf numFmtId="0" fontId="27" fillId="0" borderId="0" xfId="1" applyFont="1"/>
    <xf numFmtId="0" fontId="25" fillId="0" borderId="4" xfId="1" applyFont="1" applyFill="1" applyBorder="1" applyAlignment="1">
      <alignment wrapText="1"/>
    </xf>
    <xf numFmtId="0" fontId="25" fillId="0" borderId="0" xfId="1" applyFont="1" applyFill="1" applyBorder="1" applyAlignment="1">
      <alignment wrapText="1"/>
    </xf>
    <xf numFmtId="0" fontId="26" fillId="0" borderId="33" xfId="1" applyFont="1" applyBorder="1" applyAlignment="1">
      <alignment horizontal="right" wrapText="1"/>
    </xf>
    <xf numFmtId="169" fontId="26" fillId="0" borderId="5" xfId="1" applyNumberFormat="1" applyFont="1" applyFill="1" applyBorder="1"/>
    <xf numFmtId="0" fontId="25" fillId="0" borderId="34" xfId="1" applyFont="1" applyBorder="1"/>
    <xf numFmtId="0" fontId="23" fillId="0" borderId="3" xfId="1" applyFont="1" applyBorder="1" applyAlignment="1">
      <alignment wrapText="1"/>
    </xf>
    <xf numFmtId="0" fontId="23" fillId="0" borderId="1" xfId="1" applyFont="1" applyBorder="1"/>
    <xf numFmtId="0" fontId="25" fillId="0" borderId="0" xfId="1" applyFont="1" applyAlignment="1">
      <alignment wrapText="1"/>
    </xf>
    <xf numFmtId="0" fontId="25" fillId="0" borderId="0" xfId="1" applyFont="1" applyFill="1"/>
    <xf numFmtId="0" fontId="19" fillId="4" borderId="24" xfId="0" applyFont="1" applyFill="1" applyBorder="1" applyAlignment="1">
      <alignment horizontal="center" vertical="center"/>
    </xf>
    <xf numFmtId="0" fontId="19" fillId="4" borderId="17" xfId="0" applyFont="1" applyFill="1" applyBorder="1" applyAlignment="1">
      <alignment horizontal="center" vertical="center"/>
    </xf>
    <xf numFmtId="0" fontId="19" fillId="4" borderId="25" xfId="0" applyFont="1" applyFill="1" applyBorder="1" applyAlignment="1">
      <alignment horizontal="center" vertical="center"/>
    </xf>
    <xf numFmtId="0" fontId="18" fillId="4" borderId="6" xfId="0" applyFont="1" applyFill="1" applyBorder="1" applyAlignment="1">
      <alignment horizontal="center" vertical="center" wrapText="1"/>
    </xf>
    <xf numFmtId="0" fontId="18" fillId="4" borderId="0" xfId="0" applyFont="1" applyFill="1" applyBorder="1" applyAlignment="1">
      <alignment horizontal="center" vertical="center" wrapText="1"/>
    </xf>
    <xf numFmtId="0" fontId="18" fillId="4" borderId="4" xfId="0" applyFont="1" applyFill="1" applyBorder="1" applyAlignment="1">
      <alignment horizontal="center" vertical="center" wrapText="1"/>
    </xf>
    <xf numFmtId="0" fontId="16" fillId="9" borderId="19" xfId="0" applyFont="1" applyFill="1" applyBorder="1" applyAlignment="1">
      <alignment vertical="center"/>
    </xf>
    <xf numFmtId="0" fontId="16" fillId="9" borderId="21" xfId="0" applyFont="1" applyFill="1" applyBorder="1" applyAlignment="1">
      <alignment vertical="center"/>
    </xf>
    <xf numFmtId="0" fontId="13" fillId="6" borderId="19" xfId="0" applyFont="1" applyFill="1" applyBorder="1" applyAlignment="1">
      <alignment vertical="center"/>
    </xf>
    <xf numFmtId="0" fontId="13" fillId="6" borderId="20" xfId="0" applyFont="1" applyFill="1" applyBorder="1" applyAlignment="1">
      <alignment vertical="center"/>
    </xf>
    <xf numFmtId="0" fontId="13" fillId="6" borderId="21" xfId="0" applyFont="1" applyFill="1" applyBorder="1" applyAlignment="1">
      <alignment vertical="center"/>
    </xf>
    <xf numFmtId="0" fontId="14" fillId="7" borderId="19" xfId="0" applyFont="1" applyFill="1" applyBorder="1" applyAlignment="1">
      <alignment horizontal="center" vertical="top" wrapText="1"/>
    </xf>
    <xf numFmtId="0" fontId="14" fillId="7" borderId="21" xfId="0" applyFont="1" applyFill="1" applyBorder="1" applyAlignment="1">
      <alignment horizontal="center" vertical="top" wrapText="1"/>
    </xf>
    <xf numFmtId="0" fontId="14" fillId="7" borderId="20" xfId="0" applyFont="1" applyFill="1" applyBorder="1" applyAlignment="1">
      <alignment horizontal="center" vertical="top" wrapText="1"/>
    </xf>
    <xf numFmtId="0" fontId="11" fillId="4" borderId="16" xfId="0" applyFont="1" applyFill="1" applyBorder="1" applyAlignment="1">
      <alignment horizontal="center" vertical="center"/>
    </xf>
    <xf numFmtId="0" fontId="11" fillId="4" borderId="17" xfId="0" applyFont="1" applyFill="1" applyBorder="1" applyAlignment="1">
      <alignment horizontal="center" vertical="center"/>
    </xf>
    <xf numFmtId="0" fontId="11" fillId="4" borderId="18" xfId="0" applyFont="1" applyFill="1" applyBorder="1" applyAlignment="1">
      <alignment horizontal="center" vertical="center"/>
    </xf>
    <xf numFmtId="0" fontId="13" fillId="5" borderId="19" xfId="0" applyFont="1" applyFill="1" applyBorder="1" applyAlignment="1">
      <alignment horizontal="center" vertical="center" wrapText="1"/>
    </xf>
    <xf numFmtId="0" fontId="13" fillId="5" borderId="20" xfId="0" applyFont="1" applyFill="1" applyBorder="1" applyAlignment="1">
      <alignment horizontal="center" vertical="center" wrapText="1"/>
    </xf>
    <xf numFmtId="0" fontId="13" fillId="5" borderId="21" xfId="0" applyFont="1" applyFill="1" applyBorder="1" applyAlignment="1">
      <alignment horizontal="center" vertical="center" wrapText="1"/>
    </xf>
    <xf numFmtId="0" fontId="12" fillId="4" borderId="14" xfId="0" applyFont="1" applyFill="1" applyBorder="1" applyAlignment="1">
      <alignment horizontal="center" vertical="center" wrapText="1"/>
    </xf>
    <xf numFmtId="0" fontId="12" fillId="4" borderId="0" xfId="0" applyFont="1" applyFill="1" applyBorder="1" applyAlignment="1">
      <alignment horizontal="center" vertical="center" wrapText="1"/>
    </xf>
    <xf numFmtId="0" fontId="12" fillId="4" borderId="15" xfId="0" applyFont="1" applyFill="1" applyBorder="1" applyAlignment="1">
      <alignment horizontal="center" vertical="center" wrapText="1"/>
    </xf>
    <xf numFmtId="0" fontId="11" fillId="4" borderId="11" xfId="0" applyFont="1" applyFill="1" applyBorder="1" applyAlignment="1">
      <alignment horizontal="center" vertical="center"/>
    </xf>
    <xf numFmtId="0" fontId="11" fillId="4" borderId="12" xfId="0" applyFont="1" applyFill="1" applyBorder="1" applyAlignment="1">
      <alignment horizontal="center" vertical="center"/>
    </xf>
    <xf numFmtId="0" fontId="11" fillId="4" borderId="13" xfId="0" applyFont="1" applyFill="1" applyBorder="1" applyAlignment="1">
      <alignment horizontal="center" vertical="center"/>
    </xf>
  </cellXfs>
  <cellStyles count="60">
    <cellStyle name="%" xfId="2"/>
    <cellStyle name="]_x000a__x000a_Width=797_x000a__x000a_Height=554_x000a__x000a__x000a__x000a_[Code]_x000a__x000a_Code0=/nyf50_x000a__x000a_Code1=4500000136_x000a__x000a_Code2=ME23_x000a__x000a_Code3=4500002322_x000a__x000a_Code4=#_x000a__x000a_Code5=MB01_x000a__x000a_" xfId="3"/>
    <cellStyle name="]_x000d__x000a_Width=797_x000d__x000a_Height=554_x000d__x000a__x000d__x000a_[Code]_x000d__x000a_Code0=/nyf50_x000d__x000a_Code1=4500000136_x000d__x000a_Code2=ME23_x000d__x000a_Code3=4500002322_x000d__x000a_Code4=#_x000d__x000a_Code5=MB01_x000d__x000a_" xfId="1"/>
    <cellStyle name="]_x000d__x000a_Width=797_x000d__x000a_Height=554_x000d__x000a__x000d__x000a_[Code]_x000d__x000a_Code0=/nyf50_x000d__x000a_Code1=4500000136_x000d__x000a_Code2=ME23_x000d__x000a_Code3=4500002322_x000d__x000a_Code4=#_x000d__x000a_Code5=MB01_x000d__x000a_ 2" xfId="4"/>
    <cellStyle name="]_x000d__x000a_Width=797_x000d__x000a_Height=554_x000d__x000a__x000d__x000a_[Code]_x000d__x000a_Code0=/nyf50_x000d__x000a_Code1=4500000136_x000d__x000a_Code2=ME23_x000d__x000a_Code3=4500002322_x000d__x000a_Code4=#_x000d__x000a_Code5=MB01_x000d__x000a__Book1 (2)" xfId="5"/>
    <cellStyle name="]_x000d__x000a_Zoomed=1_x000d__x000a_Row=0_x000d__x000a_Column=0_x000d__x000a_Height=0_x000d__x000a_Width=0_x000d__x000a_FontName=FoxFont_x000d__x000a_FontStyle=0_x000d__x000a_FontSize=9_x000d__x000a_PrtFontName=FoxPrin" xfId="6"/>
    <cellStyle name="20% - Accent1" xfId="36" builtinId="30" customBuiltin="1"/>
    <cellStyle name="20% - Accent2" xfId="40" builtinId="34" customBuiltin="1"/>
    <cellStyle name="20% - Accent3" xfId="44" builtinId="38" customBuiltin="1"/>
    <cellStyle name="20% - Accent4" xfId="48" builtinId="42" customBuiltin="1"/>
    <cellStyle name="20% - Accent5" xfId="52" builtinId="46" customBuiltin="1"/>
    <cellStyle name="20% - Accent6" xfId="56" builtinId="50" customBuiltin="1"/>
    <cellStyle name="40% - Accent1" xfId="37" builtinId="31" customBuiltin="1"/>
    <cellStyle name="40% - Accent2" xfId="41" builtinId="35" customBuiltin="1"/>
    <cellStyle name="40% - Accent3" xfId="45" builtinId="39" customBuiltin="1"/>
    <cellStyle name="40% - Accent4" xfId="49" builtinId="43" customBuiltin="1"/>
    <cellStyle name="40% - Accent5" xfId="53" builtinId="47" customBuiltin="1"/>
    <cellStyle name="40% - Accent6" xfId="57" builtinId="51" customBuiltin="1"/>
    <cellStyle name="60% - Accent1" xfId="38" builtinId="32" customBuiltin="1"/>
    <cellStyle name="60% - Accent2" xfId="42" builtinId="36" customBuiltin="1"/>
    <cellStyle name="60% - Accent3" xfId="46" builtinId="40" customBuiltin="1"/>
    <cellStyle name="60% - Accent4" xfId="50" builtinId="44" customBuiltin="1"/>
    <cellStyle name="60% - Accent5" xfId="54" builtinId="48" customBuiltin="1"/>
    <cellStyle name="60% - Accent6" xfId="58" builtinId="52" customBuiltin="1"/>
    <cellStyle name="Accent1" xfId="35" builtinId="29" customBuiltin="1"/>
    <cellStyle name="Accent2" xfId="39" builtinId="33" customBuiltin="1"/>
    <cellStyle name="Accent3" xfId="43" builtinId="37" customBuiltin="1"/>
    <cellStyle name="Accent4" xfId="47" builtinId="41" customBuiltin="1"/>
    <cellStyle name="Accent5" xfId="51" builtinId="45" customBuiltin="1"/>
    <cellStyle name="Accent6" xfId="55" builtinId="49" customBuiltin="1"/>
    <cellStyle name="Bad" xfId="24" builtinId="27" customBuiltin="1"/>
    <cellStyle name="Calculation" xfId="28" builtinId="22" customBuiltin="1"/>
    <cellStyle name="Check Cell" xfId="30" builtinId="23" customBuiltin="1"/>
    <cellStyle name="Comma" xfId="15" builtinId="3"/>
    <cellStyle name="Comma 2" xfId="7"/>
    <cellStyle name="Currency 2" xfId="8"/>
    <cellStyle name="Explanatory Text" xfId="33" builtinId="53" customBuiltin="1"/>
    <cellStyle name="flashing" xfId="9"/>
    <cellStyle name="Good" xfId="23" builtinId="26" customBuiltin="1"/>
    <cellStyle name="HeaderLEA" xfId="10"/>
    <cellStyle name="Heading 1" xfId="19" builtinId="16" customBuiltin="1"/>
    <cellStyle name="Heading 2" xfId="20" builtinId="17" customBuiltin="1"/>
    <cellStyle name="Heading 3" xfId="21" builtinId="18" customBuiltin="1"/>
    <cellStyle name="Heading 4" xfId="22" builtinId="19" customBuiltin="1"/>
    <cellStyle name="Input" xfId="26" builtinId="20" customBuiltin="1"/>
    <cellStyle name="LEAName" xfId="11"/>
    <cellStyle name="Linked Cell" xfId="29" builtinId="24" customBuiltin="1"/>
    <cellStyle name="Neutral" xfId="25" builtinId="28" customBuiltin="1"/>
    <cellStyle name="Normal" xfId="0" builtinId="0"/>
    <cellStyle name="Normal 2" xfId="12"/>
    <cellStyle name="Normal 2 2" xfId="17"/>
    <cellStyle name="Normal 3" xfId="13"/>
    <cellStyle name="Normal 4" xfId="14"/>
    <cellStyle name="Normal 5" xfId="16"/>
    <cellStyle name="Normal 6" xfId="59"/>
    <cellStyle name="Note" xfId="32" builtinId="10" customBuiltin="1"/>
    <cellStyle name="Output" xfId="27" builtinId="21" customBuiltin="1"/>
    <cellStyle name="Title" xfId="18" builtinId="15" customBuiltin="1"/>
    <cellStyle name="Total" xfId="34" builtinId="25" customBuiltin="1"/>
    <cellStyle name="Warning Text" xfId="31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13" Type="http://schemas.openxmlformats.org/officeDocument/2006/relationships/externalLink" Target="externalLinks/externalLink11.xml"/><Relationship Id="rId18" Type="http://schemas.openxmlformats.org/officeDocument/2006/relationships/theme" Target="theme/theme1.xml"/><Relationship Id="rId3" Type="http://schemas.openxmlformats.org/officeDocument/2006/relationships/externalLink" Target="externalLinks/externalLink1.xml"/><Relationship Id="rId21" Type="http://schemas.openxmlformats.org/officeDocument/2006/relationships/calcChain" Target="calcChain.xml"/><Relationship Id="rId7" Type="http://schemas.openxmlformats.org/officeDocument/2006/relationships/externalLink" Target="externalLinks/externalLink5.xml"/><Relationship Id="rId12" Type="http://schemas.openxmlformats.org/officeDocument/2006/relationships/externalLink" Target="externalLinks/externalLink10.xml"/><Relationship Id="rId17" Type="http://schemas.openxmlformats.org/officeDocument/2006/relationships/externalLink" Target="externalLinks/externalLink15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4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externalLink" Target="externalLinks/externalLink9.xml"/><Relationship Id="rId5" Type="http://schemas.openxmlformats.org/officeDocument/2006/relationships/externalLink" Target="externalLinks/externalLink3.xml"/><Relationship Id="rId15" Type="http://schemas.openxmlformats.org/officeDocument/2006/relationships/externalLink" Target="externalLinks/externalLink13.xml"/><Relationship Id="rId10" Type="http://schemas.openxmlformats.org/officeDocument/2006/relationships/externalLink" Target="externalLinks/externalLink8.xml"/><Relationship Id="rId19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4" Type="http://schemas.openxmlformats.org/officeDocument/2006/relationships/externalLink" Target="externalLinks/externalLink1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1998-9\1997-8\February\FEB5-3.WK4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October%202009\Contract%20Invoice%20013%20-%201%20Oct%20-%2031%20Oct%202009%20WITH%20RPI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November%20'09\Contract%20Invoice%20November'09%20~11.01.10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July%202009\Final~%201%20Jul%20-%2031%20Jul%202009~11.09.09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106\Final%20Accounts\2005-06\S106%20Movements%20as%20at%2031-03-06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Stephen%20Doogue\Local%20Settings\Temporary%20Internet%20Files\Content.IE5\1SQKFPEU\mapping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fil01\transit\DIRENV%20MONITORING%20REPORTS\CAPITAL\2008-09\Capital%20Monitor%20Finance%200809%20-to%20the%20T%20Drive%20Mth%201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Accounts%202008-09\Depreciation\Capital%20Project%20spend%20for%20review%20by%20Property%20Services%20MGC%232%20AMENDED%20(2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%20Programme%202008-09\Appendix%20C%20-%200809%20Working%20file%20GP%2005feb08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3\home4$\excel\Budget%20Monitoring\2004.05\CP%200405%20Outturn%20All%20services%20summary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2002-2003\MONTHST\2000-2001\MAY00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03-04%20proposals%20%20(170m)%20g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PHR%20&amp;%20E&amp;O\16.Core%20E&amp;O\Environmental%20Accountancy\Environment%202010-11\Closing%202010-11\Capital\Capital%20Financing\Financing%20Reconciliation\Capital%20Financing%20Sheet%202011%20Final%20rec%20i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\Borrowing%20-%20guesstimate%20at%2011-01-05\Highways%20financing%20at%2031-01-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server\UsersFlderRedirect\Stephen%20Doogue\Desktop\The%20Cuts\Copy%20of%20Summary%20of%20ABG%20&amp;%20Specific%20Grants%20Allocations%20April%2010%20v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51996"/>
      <sheetName val="19961997"/>
      <sheetName val="Drop"/>
    </sheetNames>
    <sheetDataSet>
      <sheetData sheetId="0" refreshError="1">
        <row r="4">
          <cell r="C4" t="str">
            <v xml:space="preserve"> (19)</v>
          </cell>
          <cell r="D4" t="str">
            <v xml:space="preserve"> (15)</v>
          </cell>
          <cell r="E4" t="str">
            <v xml:space="preserve"> (17)</v>
          </cell>
          <cell r="F4" t="str">
            <v xml:space="preserve"> (11)</v>
          </cell>
          <cell r="G4" t="str">
            <v xml:space="preserve"> (15)</v>
          </cell>
          <cell r="H4" t="str">
            <v xml:space="preserve"> (4)</v>
          </cell>
          <cell r="I4" t="str">
            <v xml:space="preserve"> (10)</v>
          </cell>
          <cell r="J4" t="str">
            <v xml:space="preserve"> (14)</v>
          </cell>
          <cell r="K4" t="str">
            <v xml:space="preserve"> (6)</v>
          </cell>
          <cell r="L4" t="str">
            <v xml:space="preserve"> (6)</v>
          </cell>
          <cell r="M4" t="str">
            <v xml:space="preserve"> (10)</v>
          </cell>
          <cell r="N4" t="str">
            <v xml:space="preserve"> (13)</v>
          </cell>
        </row>
      </sheetData>
      <sheetData sheetId="1" refreshError="1"/>
      <sheetData sheetId="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1.09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Reg Order"/>
      <sheetName val="LBB recharges"/>
      <sheetName val="Schedule 5 - Maint. Recharges"/>
      <sheetName val="Schedule 6 - Other Fleet Serv"/>
    </sheetNames>
    <sheetDataSet>
      <sheetData sheetId="0">
        <row r="5">
          <cell r="A5" t="str">
            <v>0Z876</v>
          </cell>
          <cell r="B5" t="str">
            <v>KX08DWU</v>
          </cell>
          <cell r="C5" t="str">
            <v>Highway Maintenance (10620)</v>
          </cell>
          <cell r="F5">
            <v>10620</v>
          </cell>
          <cell r="G5">
            <v>15548</v>
          </cell>
          <cell r="H5" t="str">
            <v>Ad Hoc Hire</v>
          </cell>
          <cell r="I5" t="str">
            <v>GPL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>
            <v>0</v>
          </cell>
          <cell r="H6" t="str">
            <v>Barnet Owned</v>
          </cell>
          <cell r="I6" t="str">
            <v>N/A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>
            <v>0</v>
          </cell>
          <cell r="H7" t="str">
            <v>Barnet Owned</v>
          </cell>
          <cell r="I7" t="str">
            <v>N/A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>
            <v>0</v>
          </cell>
          <cell r="H8" t="str">
            <v>Lease</v>
          </cell>
          <cell r="I8" t="str">
            <v>1st Line Motorcycle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>
            <v>0</v>
          </cell>
          <cell r="H9" t="str">
            <v>Lease</v>
          </cell>
          <cell r="I9" t="str">
            <v>1st Line Motorcycle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>
            <v>0</v>
          </cell>
          <cell r="H10" t="str">
            <v>Lease</v>
          </cell>
          <cell r="I10" t="str">
            <v>1st Line Motorcycle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>
            <v>0</v>
          </cell>
          <cell r="H11" t="str">
            <v>Lease</v>
          </cell>
          <cell r="I11" t="str">
            <v>1st Line Motorcycle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>
            <v>0</v>
          </cell>
          <cell r="H12" t="str">
            <v>Lease</v>
          </cell>
          <cell r="I12" t="str">
            <v>1st Line Motorcycle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>
            <v>0</v>
          </cell>
          <cell r="H13" t="str">
            <v>Lease</v>
          </cell>
          <cell r="I13" t="str">
            <v>1st Line Motorcycle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>
            <v>0</v>
          </cell>
          <cell r="H14" t="str">
            <v>Lease</v>
          </cell>
          <cell r="I14" t="str">
            <v>1st Line Motorcycle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>
            <v>0</v>
          </cell>
          <cell r="H15" t="str">
            <v>Barnet Owned</v>
          </cell>
          <cell r="I15" t="str">
            <v>N/A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>
            <v>0</v>
          </cell>
          <cell r="H16" t="str">
            <v>Barnet Owned</v>
          </cell>
          <cell r="I16" t="str">
            <v>N/A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>
            <v>0</v>
          </cell>
          <cell r="H17" t="str">
            <v>Barnet Owned</v>
          </cell>
          <cell r="I17" t="str">
            <v>N/A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>
            <v>9144.2000000000007</v>
          </cell>
          <cell r="H18" t="str">
            <v>Lease</v>
          </cell>
          <cell r="I18" t="str">
            <v>GPL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>
            <v>5328</v>
          </cell>
          <cell r="H19" t="str">
            <v>Lease</v>
          </cell>
          <cell r="I19" t="str">
            <v>GPL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>
            <v>3427.1477777777777</v>
          </cell>
          <cell r="H21" t="str">
            <v>Lease</v>
          </cell>
          <cell r="I21" t="str">
            <v>SFS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>
            <v>2750.0384199999999</v>
          </cell>
          <cell r="H22" t="str">
            <v>Lease</v>
          </cell>
          <cell r="I22" t="str">
            <v>SFS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>
            <v>2750.0384199999999</v>
          </cell>
          <cell r="H23" t="str">
            <v>Lease</v>
          </cell>
          <cell r="I23" t="str">
            <v>SFS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>
            <v>2750.0384199999999</v>
          </cell>
          <cell r="H24" t="str">
            <v>Lease</v>
          </cell>
          <cell r="I24" t="str">
            <v>SFS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>
            <v>2549.3918400000002</v>
          </cell>
          <cell r="H25" t="str">
            <v>Lease</v>
          </cell>
          <cell r="I25" t="str">
            <v>SFS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>
            <v>2549.3918400000002</v>
          </cell>
          <cell r="H26" t="str">
            <v>Lease</v>
          </cell>
          <cell r="I26" t="str">
            <v>SFS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>
            <v>4690.1586600000001</v>
          </cell>
          <cell r="H27" t="str">
            <v>Lease</v>
          </cell>
          <cell r="I27" t="str">
            <v>SF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>
            <v>4654.3582799999995</v>
          </cell>
          <cell r="H28" t="str">
            <v>Lease</v>
          </cell>
          <cell r="I28" t="str">
            <v>SFS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>
            <v>4654.3582799999995</v>
          </cell>
          <cell r="H29" t="str">
            <v>Lease</v>
          </cell>
          <cell r="I29" t="str">
            <v>SFS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>
            <v>4690.1586600000001</v>
          </cell>
          <cell r="H30" t="str">
            <v>Lease</v>
          </cell>
          <cell r="I30" t="str">
            <v>SFS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>
            <v>2571.2528767123285</v>
          </cell>
          <cell r="H31" t="str">
            <v>Lease</v>
          </cell>
          <cell r="I31" t="str">
            <v>SFS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>
            <v>4442.3599999999997</v>
          </cell>
          <cell r="H32" t="str">
            <v>Lease</v>
          </cell>
          <cell r="I32" t="str">
            <v>GPL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>
            <v>4442.3599999999997</v>
          </cell>
          <cell r="H33" t="str">
            <v>Lease</v>
          </cell>
          <cell r="I33" t="str">
            <v>GPL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>
            <v>4442.3599999999997</v>
          </cell>
          <cell r="H34" t="str">
            <v>Lease</v>
          </cell>
          <cell r="I34" t="str">
            <v>GPL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>
            <v>2974.4</v>
          </cell>
          <cell r="H35" t="str">
            <v>Regular Hire</v>
          </cell>
          <cell r="I35" t="str">
            <v>Target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>
            <v>2974.4</v>
          </cell>
          <cell r="H36" t="str">
            <v>Regular Hire</v>
          </cell>
          <cell r="I36" t="str">
            <v>Target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>
            <v>5928</v>
          </cell>
          <cell r="H37" t="str">
            <v>Ad Hoc Hire</v>
          </cell>
          <cell r="I37" t="str">
            <v>Target</v>
          </cell>
        </row>
        <row r="38">
          <cell r="A38" t="str">
            <v>1Z142A</v>
          </cell>
          <cell r="B38" t="str">
            <v>RF08OXS</v>
          </cell>
          <cell r="C38" t="str">
            <v>Parking</v>
          </cell>
          <cell r="D38">
            <v>40138</v>
          </cell>
          <cell r="F38">
            <v>10646</v>
          </cell>
          <cell r="H38" t="str">
            <v>Ad Hoc Hire</v>
          </cell>
          <cell r="I38" t="str">
            <v>Target</v>
          </cell>
        </row>
        <row r="39">
          <cell r="A39" t="str">
            <v>1Z145</v>
          </cell>
          <cell r="B39" t="str">
            <v>NL58UHZ</v>
          </cell>
          <cell r="C39" t="str">
            <v>Libraries Moblie Services</v>
          </cell>
          <cell r="F39">
            <v>10362</v>
          </cell>
          <cell r="G39">
            <v>2974.4</v>
          </cell>
          <cell r="H39" t="str">
            <v>Regular Hire</v>
          </cell>
          <cell r="I39" t="str">
            <v>Target</v>
          </cell>
        </row>
        <row r="40">
          <cell r="A40" t="str">
            <v>1Z147</v>
          </cell>
          <cell r="B40" t="str">
            <v>VU57NVO</v>
          </cell>
          <cell r="C40" t="str">
            <v>Couriers</v>
          </cell>
          <cell r="F40">
            <v>11038</v>
          </cell>
          <cell r="G40">
            <v>3172</v>
          </cell>
          <cell r="H40" t="str">
            <v>Regular Hire</v>
          </cell>
          <cell r="I40" t="str">
            <v>Target</v>
          </cell>
        </row>
        <row r="41">
          <cell r="A41" t="str">
            <v>1Z149</v>
          </cell>
          <cell r="B41" t="str">
            <v>BG58WZM</v>
          </cell>
          <cell r="C41" t="str">
            <v>Libraries Moblie Services</v>
          </cell>
          <cell r="F41">
            <v>10362</v>
          </cell>
          <cell r="G41">
            <v>2899</v>
          </cell>
          <cell r="H41" t="str">
            <v>Regular Hire</v>
          </cell>
          <cell r="I41" t="str">
            <v>Target</v>
          </cell>
        </row>
        <row r="42">
          <cell r="A42" t="str">
            <v>1Z167</v>
          </cell>
          <cell r="B42" t="str">
            <v>PN56GEY</v>
          </cell>
          <cell r="C42" t="str">
            <v>Parks &amp; Open Spaces</v>
          </cell>
          <cell r="F42">
            <v>10764</v>
          </cell>
          <cell r="G42">
            <v>2899</v>
          </cell>
          <cell r="H42" t="str">
            <v>Regular Hire</v>
          </cell>
          <cell r="I42" t="str">
            <v>Target</v>
          </cell>
        </row>
        <row r="43">
          <cell r="A43" t="str">
            <v>1Z167A</v>
          </cell>
          <cell r="B43" t="str">
            <v>RO59JUH</v>
          </cell>
          <cell r="C43" t="str">
            <v>Parks &amp; Open Spaces</v>
          </cell>
          <cell r="D43">
            <v>40134</v>
          </cell>
          <cell r="F43">
            <v>10764</v>
          </cell>
          <cell r="H43" t="str">
            <v>Regular Hire</v>
          </cell>
          <cell r="I43" t="str">
            <v>Target</v>
          </cell>
        </row>
        <row r="44">
          <cell r="A44" t="str">
            <v>1Z171</v>
          </cell>
          <cell r="B44" t="str">
            <v>RV58YCN</v>
          </cell>
          <cell r="C44" t="str">
            <v>Parking</v>
          </cell>
          <cell r="F44">
            <v>10646</v>
          </cell>
          <cell r="G44">
            <v>2899</v>
          </cell>
          <cell r="H44" t="str">
            <v>Ad Hoc Hire</v>
          </cell>
          <cell r="I44" t="str">
            <v>Target</v>
          </cell>
        </row>
        <row r="45">
          <cell r="A45" t="str">
            <v>1Z172</v>
          </cell>
          <cell r="B45" t="str">
            <v>PG07GVC</v>
          </cell>
          <cell r="C45" t="str">
            <v>Environmental Health</v>
          </cell>
          <cell r="F45">
            <v>10958</v>
          </cell>
          <cell r="G45">
            <v>2899</v>
          </cell>
          <cell r="H45" t="str">
            <v>Regular Hire</v>
          </cell>
          <cell r="I45" t="str">
            <v>GPL</v>
          </cell>
        </row>
        <row r="46">
          <cell r="A46" t="str">
            <v>1Z173</v>
          </cell>
          <cell r="B46" t="str">
            <v>NM07TXJ</v>
          </cell>
          <cell r="C46" t="str">
            <v>Street Scene - Cleansing</v>
          </cell>
          <cell r="F46">
            <v>10652</v>
          </cell>
          <cell r="G46">
            <v>2574</v>
          </cell>
          <cell r="H46" t="str">
            <v>Regular Hire</v>
          </cell>
          <cell r="I46" t="str">
            <v>GPL</v>
          </cell>
        </row>
        <row r="47">
          <cell r="A47" t="str">
            <v>1Z178</v>
          </cell>
          <cell r="B47" t="str">
            <v>NJ57GNY</v>
          </cell>
          <cell r="C47" t="str">
            <v>Children  &amp; Families</v>
          </cell>
          <cell r="F47">
            <v>10566</v>
          </cell>
          <cell r="G47">
            <v>2805.4</v>
          </cell>
          <cell r="H47" t="str">
            <v>Regular Hire</v>
          </cell>
          <cell r="I47" t="str">
            <v>GPL</v>
          </cell>
        </row>
        <row r="48">
          <cell r="A48" t="str">
            <v>1Z179</v>
          </cell>
          <cell r="B48" t="str">
            <v>NJ57GPU</v>
          </cell>
          <cell r="C48" t="str">
            <v>Planning</v>
          </cell>
          <cell r="F48">
            <v>10038</v>
          </cell>
          <cell r="G48">
            <v>2805.4</v>
          </cell>
          <cell r="H48" t="str">
            <v>Regular Hire</v>
          </cell>
          <cell r="I48" t="str">
            <v>GPL</v>
          </cell>
        </row>
        <row r="49">
          <cell r="A49" t="str">
            <v>1Z203</v>
          </cell>
          <cell r="B49" t="str">
            <v>DV56FWY</v>
          </cell>
          <cell r="C49" t="str">
            <v>Parks &amp; Open Spaces</v>
          </cell>
          <cell r="D49">
            <v>39912</v>
          </cell>
          <cell r="F49">
            <v>10764</v>
          </cell>
          <cell r="G49">
            <v>3903.84</v>
          </cell>
          <cell r="H49" t="str">
            <v>Ad Hoc Hire</v>
          </cell>
          <cell r="I49" t="str">
            <v>Gpl</v>
          </cell>
        </row>
        <row r="50">
          <cell r="A50" t="str">
            <v>1Z205</v>
          </cell>
          <cell r="B50" t="str">
            <v>WV07SWJ</v>
          </cell>
          <cell r="C50" t="str">
            <v>Barnet Homes - Caretakers</v>
          </cell>
          <cell r="D50">
            <v>39917</v>
          </cell>
          <cell r="F50" t="str">
            <v>External</v>
          </cell>
          <cell r="G50">
            <v>2825.52</v>
          </cell>
          <cell r="H50" t="str">
            <v>Ad Hoc Hire</v>
          </cell>
          <cell r="I50" t="str">
            <v>Gpl</v>
          </cell>
        </row>
        <row r="51">
          <cell r="A51" t="str">
            <v>1Z225</v>
          </cell>
          <cell r="B51" t="str">
            <v>BF09OTY</v>
          </cell>
          <cell r="C51" t="str">
            <v>Parking</v>
          </cell>
          <cell r="D51">
            <v>39945</v>
          </cell>
          <cell r="F51">
            <v>10038</v>
          </cell>
          <cell r="G51">
            <v>2899</v>
          </cell>
          <cell r="H51" t="str">
            <v>Regular Hire</v>
          </cell>
          <cell r="I51" t="str">
            <v>GPL</v>
          </cell>
        </row>
        <row r="52">
          <cell r="A52" t="str">
            <v>1Z229</v>
          </cell>
          <cell r="B52" t="str">
            <v>NU09PCX</v>
          </cell>
          <cell r="C52" t="str">
            <v>Parking</v>
          </cell>
          <cell r="D52">
            <v>39961</v>
          </cell>
          <cell r="F52">
            <v>10038</v>
          </cell>
          <cell r="G52">
            <v>4914</v>
          </cell>
          <cell r="H52" t="str">
            <v>Regular Hire</v>
          </cell>
          <cell r="I52" t="str">
            <v>GPL</v>
          </cell>
        </row>
        <row r="53">
          <cell r="A53" t="str">
            <v>1Z231</v>
          </cell>
          <cell r="B53" t="str">
            <v>PJ09XUP</v>
          </cell>
          <cell r="C53" t="str">
            <v>Parking</v>
          </cell>
          <cell r="D53">
            <v>39982</v>
          </cell>
          <cell r="F53">
            <v>10038</v>
          </cell>
          <cell r="G53">
            <v>3164.4</v>
          </cell>
          <cell r="H53" t="str">
            <v>Ad Hoc Hire</v>
          </cell>
          <cell r="I53" t="str">
            <v>GPL</v>
          </cell>
        </row>
        <row r="54">
          <cell r="A54" t="str">
            <v>1Z238</v>
          </cell>
          <cell r="B54" t="str">
            <v>VK06CJZ</v>
          </cell>
          <cell r="C54" t="str">
            <v>Street Scene - Refuse</v>
          </cell>
          <cell r="D54">
            <v>40118</v>
          </cell>
          <cell r="F54">
            <v>10655</v>
          </cell>
          <cell r="H54" t="str">
            <v>Ad Hoc Hire</v>
          </cell>
          <cell r="I54" t="str">
            <v>GPL</v>
          </cell>
        </row>
        <row r="55">
          <cell r="A55" t="str">
            <v>1Z233</v>
          </cell>
          <cell r="B55" t="str">
            <v>NH07EBO</v>
          </cell>
          <cell r="C55" t="str">
            <v>Street Scene - Refuse</v>
          </cell>
          <cell r="D55">
            <v>40120</v>
          </cell>
          <cell r="F55">
            <v>10655</v>
          </cell>
          <cell r="H55" t="str">
            <v>Ad Hoc Hire</v>
          </cell>
          <cell r="I55" t="str">
            <v>GPL</v>
          </cell>
        </row>
        <row r="56">
          <cell r="A56" t="str">
            <v>1Z234</v>
          </cell>
          <cell r="B56" t="str">
            <v>ND57NGN</v>
          </cell>
          <cell r="C56" t="str">
            <v>Street Scene - Cleansing</v>
          </cell>
          <cell r="D56">
            <v>40120</v>
          </cell>
          <cell r="F56">
            <v>10652</v>
          </cell>
          <cell r="H56" t="str">
            <v>Ad Hoc Hire</v>
          </cell>
          <cell r="I56" t="str">
            <v>GPL</v>
          </cell>
        </row>
        <row r="57">
          <cell r="A57" t="str">
            <v>1Z235</v>
          </cell>
          <cell r="B57" t="str">
            <v>NV56APZ</v>
          </cell>
          <cell r="C57" t="str">
            <v>Street Scene - Cleansing</v>
          </cell>
          <cell r="D57">
            <v>40136</v>
          </cell>
          <cell r="F57">
            <v>10652</v>
          </cell>
          <cell r="H57" t="str">
            <v>Regular Hire</v>
          </cell>
          <cell r="I57" t="str">
            <v>GPL</v>
          </cell>
        </row>
        <row r="58">
          <cell r="A58" t="str">
            <v>1Z236</v>
          </cell>
          <cell r="B58" t="str">
            <v>GY59VUH</v>
          </cell>
          <cell r="C58" t="str">
            <v>Street Scene - Cleansing</v>
          </cell>
          <cell r="D58">
            <v>40137</v>
          </cell>
          <cell r="F58">
            <v>10652</v>
          </cell>
          <cell r="H58" t="str">
            <v>Regular Hire</v>
          </cell>
          <cell r="I58" t="str">
            <v>GPL</v>
          </cell>
        </row>
        <row r="59">
          <cell r="A59" t="str">
            <v>1Z237</v>
          </cell>
          <cell r="B59" t="str">
            <v>GY59VUJ</v>
          </cell>
          <cell r="C59" t="str">
            <v>Street Scene - Cleansing</v>
          </cell>
          <cell r="D59">
            <v>40137</v>
          </cell>
          <cell r="F59">
            <v>10652</v>
          </cell>
          <cell r="H59" t="str">
            <v>Regular Hire</v>
          </cell>
          <cell r="I59" t="str">
            <v>GPL</v>
          </cell>
        </row>
        <row r="60">
          <cell r="A60" t="str">
            <v>2G026</v>
          </cell>
          <cell r="B60" t="str">
            <v>NU52PZH</v>
          </cell>
          <cell r="C60" t="str">
            <v>Street Scene - Refuse</v>
          </cell>
          <cell r="D60">
            <v>37518</v>
          </cell>
          <cell r="F60">
            <v>10655</v>
          </cell>
          <cell r="G60">
            <v>3982.42</v>
          </cell>
          <cell r="H60" t="str">
            <v>Lease</v>
          </cell>
          <cell r="I60" t="str">
            <v>SFS</v>
          </cell>
        </row>
        <row r="61">
          <cell r="A61" t="str">
            <v>2G038</v>
          </cell>
          <cell r="B61" t="str">
            <v>YN03NKL</v>
          </cell>
          <cell r="C61" t="str">
            <v>Neighbourhood Management</v>
          </cell>
          <cell r="D61">
            <v>37712</v>
          </cell>
          <cell r="G61">
            <v>0</v>
          </cell>
          <cell r="H61" t="str">
            <v>Barnet Owned</v>
          </cell>
          <cell r="I61" t="str">
            <v>N/A</v>
          </cell>
        </row>
        <row r="62">
          <cell r="A62" t="str">
            <v>2G040</v>
          </cell>
          <cell r="B62" t="str">
            <v>LT04FLH</v>
          </cell>
          <cell r="C62" t="str">
            <v>Parks &amp; Open Spaces</v>
          </cell>
          <cell r="D62">
            <v>38047</v>
          </cell>
          <cell r="F62">
            <v>10764</v>
          </cell>
          <cell r="G62">
            <v>3645.2897666666663</v>
          </cell>
          <cell r="H62" t="str">
            <v>Lease</v>
          </cell>
          <cell r="I62" t="str">
            <v>SFS</v>
          </cell>
        </row>
        <row r="63">
          <cell r="A63" t="str">
            <v>2G060</v>
          </cell>
          <cell r="B63" t="str">
            <v>LT54CEK</v>
          </cell>
          <cell r="C63" t="str">
            <v>Barnet Homes - Caretakers</v>
          </cell>
          <cell r="D63">
            <v>38238</v>
          </cell>
          <cell r="F63" t="str">
            <v>External</v>
          </cell>
          <cell r="G63">
            <v>3378.7923999999998</v>
          </cell>
          <cell r="H63" t="str">
            <v>Lease</v>
          </cell>
          <cell r="I63" t="str">
            <v>SFS</v>
          </cell>
        </row>
        <row r="64">
          <cell r="A64" t="str">
            <v>2G061</v>
          </cell>
          <cell r="B64" t="str">
            <v>LT54CLJ</v>
          </cell>
          <cell r="C64" t="str">
            <v>Housing 21</v>
          </cell>
          <cell r="D64">
            <v>38238</v>
          </cell>
          <cell r="F64" t="str">
            <v>External</v>
          </cell>
          <cell r="G64">
            <v>3279.32</v>
          </cell>
          <cell r="H64" t="str">
            <v>Lease</v>
          </cell>
          <cell r="I64" t="str">
            <v>SFS</v>
          </cell>
        </row>
        <row r="65">
          <cell r="A65" t="str">
            <v>2G062</v>
          </cell>
          <cell r="B65" t="str">
            <v>LT54CLN</v>
          </cell>
          <cell r="C65" t="str">
            <v>Housing 21</v>
          </cell>
          <cell r="D65">
            <v>38238</v>
          </cell>
          <cell r="F65" t="str">
            <v>External</v>
          </cell>
          <cell r="G65">
            <v>3882</v>
          </cell>
          <cell r="H65" t="str">
            <v>Lease</v>
          </cell>
          <cell r="I65" t="str">
            <v>SFS</v>
          </cell>
        </row>
        <row r="66">
          <cell r="A66" t="str">
            <v>2G071</v>
          </cell>
          <cell r="B66" t="str">
            <v>LT55KHD</v>
          </cell>
          <cell r="C66" t="str">
            <v>Libraries</v>
          </cell>
          <cell r="D66">
            <v>38666</v>
          </cell>
          <cell r="F66">
            <v>10339</v>
          </cell>
          <cell r="G66">
            <v>5366.6747368421056</v>
          </cell>
          <cell r="H66" t="str">
            <v>Lease</v>
          </cell>
          <cell r="I66" t="str">
            <v>SFS</v>
          </cell>
        </row>
        <row r="67">
          <cell r="A67" t="str">
            <v>2G072</v>
          </cell>
          <cell r="B67" t="str">
            <v>LT06BPV</v>
          </cell>
          <cell r="C67" t="str">
            <v>Parks &amp; Open Spaces</v>
          </cell>
          <cell r="D67">
            <v>38841</v>
          </cell>
          <cell r="F67">
            <v>10764</v>
          </cell>
          <cell r="G67">
            <v>2680.0656051282049</v>
          </cell>
          <cell r="H67" t="str">
            <v>Lease</v>
          </cell>
          <cell r="I67" t="str">
            <v>SFS</v>
          </cell>
        </row>
        <row r="68">
          <cell r="A68" t="str">
            <v>2G073</v>
          </cell>
          <cell r="B68" t="str">
            <v>LT06BOV</v>
          </cell>
          <cell r="C68" t="str">
            <v>Parks &amp; Open Spaces</v>
          </cell>
          <cell r="D68">
            <v>38841</v>
          </cell>
          <cell r="F68">
            <v>10764</v>
          </cell>
          <cell r="G68">
            <v>2680.0656051282049</v>
          </cell>
          <cell r="H68" t="str">
            <v>Lease</v>
          </cell>
          <cell r="I68" t="str">
            <v>SFS</v>
          </cell>
        </row>
        <row r="69">
          <cell r="A69" t="str">
            <v>2G074</v>
          </cell>
          <cell r="B69" t="str">
            <v>LT06BPO</v>
          </cell>
          <cell r="C69" t="str">
            <v>Parks &amp; Open Spaces</v>
          </cell>
          <cell r="D69">
            <v>38841</v>
          </cell>
          <cell r="F69">
            <v>10764</v>
          </cell>
          <cell r="G69">
            <v>2680.0656051282049</v>
          </cell>
          <cell r="H69" t="str">
            <v>Lease</v>
          </cell>
          <cell r="I69" t="str">
            <v>SFS</v>
          </cell>
        </row>
        <row r="70">
          <cell r="A70" t="str">
            <v>2G075</v>
          </cell>
          <cell r="B70" t="str">
            <v>LT06BPF</v>
          </cell>
          <cell r="C70" t="str">
            <v>Environmental Health</v>
          </cell>
          <cell r="D70">
            <v>38841</v>
          </cell>
          <cell r="F70">
            <v>10958</v>
          </cell>
          <cell r="G70">
            <v>2602.5922010256413</v>
          </cell>
          <cell r="H70" t="str">
            <v>Lease</v>
          </cell>
          <cell r="I70" t="str">
            <v>SFS</v>
          </cell>
        </row>
        <row r="71">
          <cell r="A71" t="str">
            <v>2G076</v>
          </cell>
          <cell r="B71" t="str">
            <v>LN57WVU</v>
          </cell>
          <cell r="C71" t="str">
            <v>Barnet Homes - Caretakers</v>
          </cell>
          <cell r="D71">
            <v>39328</v>
          </cell>
          <cell r="E71">
            <v>40424</v>
          </cell>
          <cell r="F71" t="str">
            <v>External</v>
          </cell>
          <cell r="G71">
            <v>3622.5539262100456</v>
          </cell>
          <cell r="H71" t="str">
            <v>Lease</v>
          </cell>
          <cell r="I71" t="str">
            <v>SFS</v>
          </cell>
        </row>
        <row r="72">
          <cell r="A72" t="str">
            <v>2G077</v>
          </cell>
          <cell r="B72" t="str">
            <v>LN57WVV</v>
          </cell>
          <cell r="C72" t="str">
            <v>Barnet Homes - Caretakers</v>
          </cell>
          <cell r="D72">
            <v>39328</v>
          </cell>
          <cell r="E72">
            <v>40424</v>
          </cell>
          <cell r="F72" t="str">
            <v>External</v>
          </cell>
          <cell r="G72">
            <v>3622.5539262100456</v>
          </cell>
          <cell r="H72" t="str">
            <v>Lease</v>
          </cell>
          <cell r="I72" t="str">
            <v>SFS</v>
          </cell>
        </row>
        <row r="73">
          <cell r="A73" t="str">
            <v>2G078</v>
          </cell>
          <cell r="B73" t="str">
            <v>LN57WVW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>
            <v>3622.5539262100456</v>
          </cell>
          <cell r="H73" t="str">
            <v>Lease</v>
          </cell>
          <cell r="I73" t="str">
            <v>SFS</v>
          </cell>
        </row>
        <row r="74">
          <cell r="A74" t="str">
            <v>2G079</v>
          </cell>
          <cell r="B74" t="str">
            <v>LN57WVX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>
            <v>3622.5539262100456</v>
          </cell>
          <cell r="H74" t="str">
            <v>Lease</v>
          </cell>
          <cell r="I74" t="str">
            <v>SFS</v>
          </cell>
        </row>
        <row r="75">
          <cell r="A75" t="str">
            <v>2G080</v>
          </cell>
          <cell r="B75" t="str">
            <v>LN57XBA</v>
          </cell>
          <cell r="C75" t="str">
            <v>Barnet Homes - Caretakers</v>
          </cell>
          <cell r="D75">
            <v>39486</v>
          </cell>
          <cell r="E75">
            <v>41313</v>
          </cell>
          <cell r="F75" t="str">
            <v>External</v>
          </cell>
          <cell r="G75">
            <v>12026.3012</v>
          </cell>
          <cell r="H75" t="str">
            <v>Lease</v>
          </cell>
          <cell r="I75" t="str">
            <v>SFS</v>
          </cell>
        </row>
        <row r="76">
          <cell r="A76" t="str">
            <v>2S001</v>
          </cell>
          <cell r="B76" t="str">
            <v>NX51KVO</v>
          </cell>
          <cell r="C76" t="str">
            <v>Cashiers-Borough Treasurers</v>
          </cell>
          <cell r="D76">
            <v>37144</v>
          </cell>
          <cell r="E76" t="str">
            <v>Barnet Owned</v>
          </cell>
          <cell r="F76">
            <v>11013</v>
          </cell>
          <cell r="G76">
            <v>0</v>
          </cell>
          <cell r="H76" t="str">
            <v>Barnet Owned</v>
          </cell>
          <cell r="I76" t="str">
            <v>N/A</v>
          </cell>
        </row>
        <row r="77">
          <cell r="A77" t="str">
            <v>2S002</v>
          </cell>
          <cell r="B77" t="str">
            <v>NX51KVP</v>
          </cell>
          <cell r="C77" t="str">
            <v>Cashiers-Borough Treasurers</v>
          </cell>
          <cell r="D77">
            <v>37144</v>
          </cell>
          <cell r="E77" t="str">
            <v>Barnet Owned</v>
          </cell>
          <cell r="F77">
            <v>11013</v>
          </cell>
          <cell r="G77">
            <v>0</v>
          </cell>
          <cell r="H77" t="str">
            <v>Barnet Owned</v>
          </cell>
          <cell r="I77" t="str">
            <v>N/A</v>
          </cell>
        </row>
        <row r="78">
          <cell r="A78" t="str">
            <v>2S003</v>
          </cell>
          <cell r="B78" t="str">
            <v>NX51KVM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>
            <v>0</v>
          </cell>
          <cell r="H78" t="str">
            <v>Barnet Owned</v>
          </cell>
          <cell r="I78" t="str">
            <v>N/A</v>
          </cell>
        </row>
        <row r="79">
          <cell r="A79" t="str">
            <v>2T040</v>
          </cell>
          <cell r="B79" t="str">
            <v>LT55KHP</v>
          </cell>
          <cell r="C79" t="str">
            <v>Parks &amp; Open Spaces</v>
          </cell>
          <cell r="D79">
            <v>38737</v>
          </cell>
          <cell r="E79">
            <v>40144</v>
          </cell>
          <cell r="F79">
            <v>10764</v>
          </cell>
          <cell r="G79">
            <v>5130</v>
          </cell>
          <cell r="H79" t="str">
            <v>Lease</v>
          </cell>
          <cell r="I79" t="str">
            <v>SFS</v>
          </cell>
        </row>
        <row r="80">
          <cell r="A80" t="str">
            <v>2T041</v>
          </cell>
          <cell r="B80" t="str">
            <v>LT55KHU</v>
          </cell>
          <cell r="C80" t="str">
            <v>Parks &amp; Open Spaces</v>
          </cell>
          <cell r="D80">
            <v>38737</v>
          </cell>
          <cell r="E80">
            <v>40144</v>
          </cell>
          <cell r="F80">
            <v>10764</v>
          </cell>
          <cell r="G80">
            <v>5130</v>
          </cell>
          <cell r="H80" t="str">
            <v>Lease</v>
          </cell>
          <cell r="I80" t="str">
            <v>SFS</v>
          </cell>
        </row>
        <row r="81">
          <cell r="A81" t="str">
            <v>2T048</v>
          </cell>
          <cell r="B81" t="str">
            <v>KE06LFB</v>
          </cell>
          <cell r="C81" t="str">
            <v>Street Scene - Cleansing</v>
          </cell>
          <cell r="D81">
            <v>38901</v>
          </cell>
          <cell r="E81">
            <v>40721</v>
          </cell>
          <cell r="F81">
            <v>10652</v>
          </cell>
          <cell r="G81">
            <v>3806.5393446575345</v>
          </cell>
          <cell r="H81" t="str">
            <v>Lease</v>
          </cell>
          <cell r="I81" t="str">
            <v>SFS</v>
          </cell>
        </row>
        <row r="82">
          <cell r="A82" t="str">
            <v>2T049</v>
          </cell>
          <cell r="B82" t="str">
            <v>KE06LFU</v>
          </cell>
          <cell r="C82" t="str">
            <v>Street Scene - Cleansing</v>
          </cell>
          <cell r="D82">
            <v>38901</v>
          </cell>
          <cell r="E82">
            <v>40721</v>
          </cell>
          <cell r="F82">
            <v>10652</v>
          </cell>
          <cell r="G82">
            <v>3806.5393446575345</v>
          </cell>
          <cell r="H82" t="str">
            <v>Lease</v>
          </cell>
          <cell r="I82" t="str">
            <v>SFS</v>
          </cell>
        </row>
        <row r="83">
          <cell r="A83" t="str">
            <v>2T050</v>
          </cell>
          <cell r="B83" t="str">
            <v>LS06DZC</v>
          </cell>
          <cell r="C83" t="str">
            <v>Parks &amp; Open Spaces</v>
          </cell>
          <cell r="D83">
            <v>38929</v>
          </cell>
          <cell r="F83">
            <v>10764</v>
          </cell>
          <cell r="G83">
            <v>5127.96</v>
          </cell>
          <cell r="H83" t="str">
            <v>Lease</v>
          </cell>
          <cell r="I83" t="str">
            <v>SFS</v>
          </cell>
        </row>
        <row r="84">
          <cell r="A84" t="str">
            <v>2T051</v>
          </cell>
          <cell r="B84" t="str">
            <v>LT06BUF</v>
          </cell>
          <cell r="C84" t="str">
            <v>Parks &amp; Open Spaces</v>
          </cell>
          <cell r="D84">
            <v>38939</v>
          </cell>
          <cell r="F84">
            <v>10764</v>
          </cell>
          <cell r="G84">
            <v>5127.96</v>
          </cell>
          <cell r="H84" t="str">
            <v>Lease</v>
          </cell>
          <cell r="I84" t="str">
            <v>SFS</v>
          </cell>
        </row>
        <row r="85">
          <cell r="A85" t="str">
            <v>2T052</v>
          </cell>
          <cell r="B85" t="str">
            <v>LT06BOJ</v>
          </cell>
          <cell r="C85" t="str">
            <v>Parks &amp; Open Spaces</v>
          </cell>
          <cell r="D85">
            <v>38939</v>
          </cell>
          <cell r="F85">
            <v>10764</v>
          </cell>
          <cell r="G85">
            <v>5127.96</v>
          </cell>
          <cell r="H85" t="str">
            <v>Lease</v>
          </cell>
          <cell r="I85" t="str">
            <v>SFS</v>
          </cell>
        </row>
        <row r="86">
          <cell r="A86" t="str">
            <v>2T053</v>
          </cell>
          <cell r="B86" t="str">
            <v>MJ06DVN</v>
          </cell>
          <cell r="C86" t="str">
            <v>Parks &amp; Open Spaces</v>
          </cell>
          <cell r="D86">
            <v>38953</v>
          </cell>
          <cell r="F86">
            <v>10764</v>
          </cell>
          <cell r="G86">
            <v>4726.3569400000006</v>
          </cell>
          <cell r="H86" t="str">
            <v>Lease</v>
          </cell>
          <cell r="I86" t="str">
            <v>SFS</v>
          </cell>
        </row>
        <row r="87">
          <cell r="A87" t="str">
            <v>2T054</v>
          </cell>
          <cell r="B87" t="str">
            <v>LN56TZG</v>
          </cell>
          <cell r="C87" t="str">
            <v>Parks &amp; Open Spaces</v>
          </cell>
          <cell r="D87">
            <v>39098</v>
          </cell>
          <cell r="E87">
            <v>40194</v>
          </cell>
          <cell r="F87">
            <v>10764</v>
          </cell>
          <cell r="G87">
            <v>7757.2580800000005</v>
          </cell>
          <cell r="H87" t="str">
            <v>Lease</v>
          </cell>
          <cell r="I87" t="str">
            <v>SFS</v>
          </cell>
        </row>
        <row r="88">
          <cell r="A88" t="str">
            <v>2T055</v>
          </cell>
          <cell r="B88" t="str">
            <v>LN56TZK</v>
          </cell>
          <cell r="C88" t="str">
            <v>Parks &amp; Open Spaces</v>
          </cell>
          <cell r="D88">
            <v>39098</v>
          </cell>
          <cell r="E88">
            <v>40194</v>
          </cell>
          <cell r="F88">
            <v>10764</v>
          </cell>
          <cell r="G88">
            <v>7865.7512000000006</v>
          </cell>
          <cell r="H88" t="str">
            <v>Lease</v>
          </cell>
          <cell r="I88" t="str">
            <v>SFS</v>
          </cell>
        </row>
        <row r="89">
          <cell r="A89" t="str">
            <v>2T056</v>
          </cell>
          <cell r="B89" t="str">
            <v>LN56UB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>
            <v>7865.7512000000006</v>
          </cell>
          <cell r="H89" t="str">
            <v>Lease</v>
          </cell>
          <cell r="I89" t="str">
            <v>SFS</v>
          </cell>
        </row>
        <row r="90">
          <cell r="A90" t="str">
            <v>2T057</v>
          </cell>
          <cell r="B90" t="str">
            <v>LN56UBJ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>
            <v>7865.7512000000006</v>
          </cell>
          <cell r="H90" t="str">
            <v>Lease</v>
          </cell>
          <cell r="I90" t="str">
            <v>SFS</v>
          </cell>
        </row>
        <row r="91">
          <cell r="A91" t="str">
            <v>2T058</v>
          </cell>
          <cell r="B91" t="str">
            <v>LN56UBL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>
            <v>7865.7512000000006</v>
          </cell>
          <cell r="H91" t="str">
            <v>Lease</v>
          </cell>
          <cell r="I91" t="str">
            <v>SFS</v>
          </cell>
        </row>
        <row r="92">
          <cell r="A92" t="str">
            <v>2T059</v>
          </cell>
          <cell r="B92" t="str">
            <v>LN56UBO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>
            <v>7757.2580800000005</v>
          </cell>
          <cell r="H92" t="str">
            <v>Lease</v>
          </cell>
          <cell r="I92" t="str">
            <v>SFS</v>
          </cell>
        </row>
        <row r="93">
          <cell r="A93" t="str">
            <v>2T060</v>
          </cell>
          <cell r="B93" t="str">
            <v>LS56FKR</v>
          </cell>
          <cell r="C93" t="str">
            <v>Street Scene - Cleansing</v>
          </cell>
          <cell r="D93">
            <v>39111</v>
          </cell>
          <cell r="E93">
            <v>40207</v>
          </cell>
          <cell r="F93">
            <v>10652</v>
          </cell>
          <cell r="G93">
            <v>9641.2115400000002</v>
          </cell>
          <cell r="H93" t="str">
            <v>Lease</v>
          </cell>
          <cell r="I93" t="str">
            <v>SFS</v>
          </cell>
        </row>
        <row r="94">
          <cell r="A94" t="str">
            <v>2T061</v>
          </cell>
          <cell r="B94" t="str">
            <v>LT07YSA</v>
          </cell>
          <cell r="C94" t="str">
            <v>Street Scene - Cleansing</v>
          </cell>
          <cell r="D94">
            <v>39163</v>
          </cell>
          <cell r="E94">
            <v>40259</v>
          </cell>
          <cell r="F94">
            <v>10652</v>
          </cell>
          <cell r="G94">
            <v>11295.8089</v>
          </cell>
          <cell r="H94" t="str">
            <v>Lease</v>
          </cell>
          <cell r="I94" t="str">
            <v>SFS</v>
          </cell>
        </row>
        <row r="95">
          <cell r="A95" t="str">
            <v>2T062</v>
          </cell>
          <cell r="B95" t="str">
            <v>LT07YSB</v>
          </cell>
          <cell r="C95" t="str">
            <v>Street Scene - Cleansing</v>
          </cell>
          <cell r="D95">
            <v>39162</v>
          </cell>
          <cell r="E95">
            <v>40258</v>
          </cell>
          <cell r="F95">
            <v>10652</v>
          </cell>
          <cell r="G95">
            <v>11263.98972</v>
          </cell>
          <cell r="H95" t="str">
            <v>Lease</v>
          </cell>
          <cell r="I95" t="str">
            <v>SFS</v>
          </cell>
        </row>
        <row r="96">
          <cell r="A96" t="str">
            <v>2T063</v>
          </cell>
          <cell r="B96" t="str">
            <v>LT07YRZ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>
            <v>11295.8089</v>
          </cell>
          <cell r="H96" t="str">
            <v>Lease</v>
          </cell>
          <cell r="I96" t="str">
            <v>SFS</v>
          </cell>
        </row>
        <row r="97">
          <cell r="A97" t="str">
            <v>2T064</v>
          </cell>
          <cell r="B97" t="str">
            <v>LT07YRY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>
            <v>11263.98972</v>
          </cell>
          <cell r="H97" t="str">
            <v>Lease</v>
          </cell>
          <cell r="I97" t="str">
            <v>SFS</v>
          </cell>
        </row>
        <row r="98">
          <cell r="A98" t="str">
            <v>2T065</v>
          </cell>
          <cell r="B98" t="str">
            <v>LN07UKU</v>
          </cell>
          <cell r="C98" t="str">
            <v>Street Scene - Cleansing</v>
          </cell>
          <cell r="D98">
            <v>39160</v>
          </cell>
          <cell r="E98">
            <v>40256</v>
          </cell>
          <cell r="F98">
            <v>10652</v>
          </cell>
          <cell r="G98">
            <v>11200.351360000001</v>
          </cell>
          <cell r="H98" t="str">
            <v>Lease</v>
          </cell>
          <cell r="I98" t="str">
            <v>SFS</v>
          </cell>
        </row>
        <row r="99">
          <cell r="A99" t="str">
            <v>2T066</v>
          </cell>
          <cell r="B99" t="str">
            <v>LN07UKT</v>
          </cell>
          <cell r="C99" t="str">
            <v>Street Scene - Cleansing</v>
          </cell>
          <cell r="D99">
            <v>39160</v>
          </cell>
          <cell r="E99">
            <v>40256</v>
          </cell>
          <cell r="F99">
            <v>10652</v>
          </cell>
          <cell r="G99">
            <v>11200.351360000001</v>
          </cell>
          <cell r="H99" t="str">
            <v>Lease</v>
          </cell>
          <cell r="I99" t="str">
            <v>SFS</v>
          </cell>
        </row>
        <row r="100">
          <cell r="A100" t="str">
            <v>2T067</v>
          </cell>
          <cell r="B100" t="str">
            <v>LN56UAC</v>
          </cell>
          <cell r="C100" t="str">
            <v>Street Scene - Cleansing</v>
          </cell>
          <cell r="D100">
            <v>39147</v>
          </cell>
          <cell r="E100">
            <v>40243</v>
          </cell>
          <cell r="F100">
            <v>10652</v>
          </cell>
          <cell r="G100">
            <v>10786.702020000001</v>
          </cell>
          <cell r="H100" t="str">
            <v>Lease</v>
          </cell>
          <cell r="I100" t="str">
            <v>SFS</v>
          </cell>
        </row>
        <row r="101">
          <cell r="A101" t="str">
            <v>2T068</v>
          </cell>
          <cell r="B101" t="str">
            <v>LN07UKG</v>
          </cell>
          <cell r="C101" t="str">
            <v>Street Scene - Cleansing</v>
          </cell>
          <cell r="D101">
            <v>39153</v>
          </cell>
          <cell r="E101">
            <v>40249</v>
          </cell>
          <cell r="F101">
            <v>10652</v>
          </cell>
          <cell r="G101">
            <v>10977.617099999999</v>
          </cell>
          <cell r="H101" t="str">
            <v>Lease</v>
          </cell>
          <cell r="I101" t="str">
            <v>SFS</v>
          </cell>
        </row>
        <row r="102">
          <cell r="A102" t="str">
            <v>2T069</v>
          </cell>
          <cell r="B102" t="str">
            <v>LN07UKV</v>
          </cell>
          <cell r="C102" t="str">
            <v>Street Scene - Cleansing</v>
          </cell>
          <cell r="D102">
            <v>39162</v>
          </cell>
          <cell r="E102">
            <v>40258</v>
          </cell>
          <cell r="F102">
            <v>10652</v>
          </cell>
          <cell r="G102">
            <v>11263.98972</v>
          </cell>
          <cell r="H102" t="str">
            <v>Lease</v>
          </cell>
          <cell r="I102" t="str">
            <v>SFS</v>
          </cell>
        </row>
        <row r="103">
          <cell r="A103" t="str">
            <v>2T070</v>
          </cell>
          <cell r="B103" t="str">
            <v>LN07UKE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>
            <v>10977.617099999999</v>
          </cell>
          <cell r="H103" t="str">
            <v>Lease</v>
          </cell>
          <cell r="I103" t="str">
            <v>SFS</v>
          </cell>
        </row>
        <row r="104">
          <cell r="A104" t="str">
            <v>2T071</v>
          </cell>
          <cell r="B104" t="str">
            <v>LT07YRX</v>
          </cell>
          <cell r="C104" t="str">
            <v>Street Scene - Cleansing</v>
          </cell>
          <cell r="D104">
            <v>39163</v>
          </cell>
          <cell r="E104">
            <v>40259</v>
          </cell>
          <cell r="F104">
            <v>10652</v>
          </cell>
          <cell r="G104">
            <v>11295.8089</v>
          </cell>
          <cell r="H104" t="str">
            <v>Lease</v>
          </cell>
          <cell r="I104" t="str">
            <v>SFS</v>
          </cell>
        </row>
        <row r="105">
          <cell r="A105" t="str">
            <v>2T073</v>
          </cell>
          <cell r="B105" t="str">
            <v>KE57FYR</v>
          </cell>
          <cell r="C105" t="str">
            <v>Street Scene - Cleansing</v>
          </cell>
          <cell r="D105">
            <v>39408</v>
          </cell>
          <cell r="E105">
            <v>40504</v>
          </cell>
          <cell r="F105">
            <v>10652</v>
          </cell>
          <cell r="G105">
            <v>6320.5708799999993</v>
          </cell>
          <cell r="H105" t="str">
            <v>Lease</v>
          </cell>
          <cell r="I105" t="str">
            <v>SFS</v>
          </cell>
        </row>
        <row r="106">
          <cell r="A106" t="str">
            <v>2Z267</v>
          </cell>
          <cell r="B106" t="str">
            <v>NG53YHH</v>
          </cell>
          <cell r="C106" t="str">
            <v>Street Scene - Cleansing</v>
          </cell>
          <cell r="F106">
            <v>10652</v>
          </cell>
          <cell r="G106">
            <v>18900</v>
          </cell>
          <cell r="H106" t="str">
            <v>Ad Hoc Hire</v>
          </cell>
          <cell r="I106" t="str">
            <v>GPL</v>
          </cell>
        </row>
        <row r="107">
          <cell r="A107" t="str">
            <v>2Z353</v>
          </cell>
          <cell r="B107" t="str">
            <v>NG06ZDX</v>
          </cell>
          <cell r="C107" t="str">
            <v>Street Scene - Cleansing</v>
          </cell>
          <cell r="F107">
            <v>10652</v>
          </cell>
          <cell r="G107">
            <v>5616</v>
          </cell>
          <cell r="H107" t="str">
            <v>Regular Hire</v>
          </cell>
          <cell r="I107" t="str">
            <v>Target</v>
          </cell>
        </row>
        <row r="108">
          <cell r="A108" t="str">
            <v>2Z355</v>
          </cell>
          <cell r="B108" t="str">
            <v>NA56OTG</v>
          </cell>
          <cell r="C108" t="str">
            <v>Street Scene - Cleansing</v>
          </cell>
          <cell r="F108">
            <v>10652</v>
          </cell>
          <cell r="G108">
            <v>5616</v>
          </cell>
          <cell r="H108" t="str">
            <v>Regular Hire</v>
          </cell>
          <cell r="I108" t="str">
            <v>Target</v>
          </cell>
        </row>
        <row r="109">
          <cell r="A109" t="str">
            <v>2Z356</v>
          </cell>
          <cell r="B109" t="str">
            <v>ND56RRZ</v>
          </cell>
          <cell r="C109" t="str">
            <v>Street Scene - Cleansing</v>
          </cell>
          <cell r="F109">
            <v>10652</v>
          </cell>
          <cell r="G109">
            <v>5616</v>
          </cell>
          <cell r="H109" t="str">
            <v>Regular Hire</v>
          </cell>
          <cell r="I109" t="str">
            <v>Target</v>
          </cell>
        </row>
        <row r="110">
          <cell r="A110" t="str">
            <v>2Z360</v>
          </cell>
          <cell r="B110" t="str">
            <v>NJ07KXS</v>
          </cell>
          <cell r="C110" t="str">
            <v>Highway Maintenance (10939)</v>
          </cell>
          <cell r="F110">
            <v>10939</v>
          </cell>
          <cell r="G110">
            <v>3770</v>
          </cell>
          <cell r="H110" t="str">
            <v>Regular Hire</v>
          </cell>
          <cell r="I110" t="str">
            <v>Target</v>
          </cell>
        </row>
        <row r="111">
          <cell r="A111" t="str">
            <v>2Z361</v>
          </cell>
          <cell r="B111" t="str">
            <v>ND07GSO</v>
          </cell>
          <cell r="C111" t="str">
            <v>Highway Maintenance (10664)</v>
          </cell>
          <cell r="F111">
            <v>10664</v>
          </cell>
          <cell r="G111">
            <v>3049.7999999999997</v>
          </cell>
          <cell r="H111" t="str">
            <v>Regular Hire</v>
          </cell>
          <cell r="I111" t="str">
            <v>Target</v>
          </cell>
        </row>
        <row r="112">
          <cell r="A112" t="str">
            <v>2Z362</v>
          </cell>
          <cell r="B112" t="str">
            <v>NH07YNS</v>
          </cell>
          <cell r="C112" t="str">
            <v>Highway Maintenance (10941)</v>
          </cell>
          <cell r="F112">
            <v>10941</v>
          </cell>
          <cell r="G112">
            <v>5720</v>
          </cell>
          <cell r="H112" t="str">
            <v>Regular Hire</v>
          </cell>
          <cell r="I112" t="str">
            <v>Target</v>
          </cell>
        </row>
        <row r="113">
          <cell r="A113" t="str">
            <v>2Z365</v>
          </cell>
          <cell r="B113" t="str">
            <v>NG06EZR</v>
          </cell>
          <cell r="C113" t="str">
            <v>Street Scene - Cleansing</v>
          </cell>
          <cell r="D113" t="str">
            <v>N/A</v>
          </cell>
          <cell r="F113">
            <v>10652</v>
          </cell>
          <cell r="G113">
            <v>5616</v>
          </cell>
          <cell r="H113" t="str">
            <v>Ad Hoc Hire</v>
          </cell>
          <cell r="I113" t="str">
            <v>Target</v>
          </cell>
        </row>
        <row r="114">
          <cell r="A114" t="str">
            <v>2Z367</v>
          </cell>
          <cell r="B114" t="str">
            <v>BL56WWO</v>
          </cell>
          <cell r="C114" t="str">
            <v>Libraries</v>
          </cell>
          <cell r="F114">
            <v>10339</v>
          </cell>
          <cell r="G114">
            <v>3770</v>
          </cell>
          <cell r="H114" t="str">
            <v>Regular Hire</v>
          </cell>
          <cell r="I114" t="str">
            <v>GPL</v>
          </cell>
        </row>
        <row r="115">
          <cell r="A115" t="str">
            <v>2Z368</v>
          </cell>
          <cell r="B115" t="str">
            <v>NJ58VSX</v>
          </cell>
          <cell r="C115" t="str">
            <v>Street Scene - Cleansing</v>
          </cell>
          <cell r="F115">
            <v>10652</v>
          </cell>
          <cell r="G115">
            <v>6240</v>
          </cell>
          <cell r="H115" t="str">
            <v>Regular Hire</v>
          </cell>
          <cell r="I115" t="str">
            <v>GPL</v>
          </cell>
        </row>
        <row r="116">
          <cell r="A116" t="str">
            <v>2Z369</v>
          </cell>
          <cell r="B116" t="str">
            <v>NJ58VZL</v>
          </cell>
          <cell r="C116" t="str">
            <v>Street Scene - Refuse</v>
          </cell>
          <cell r="F116">
            <v>10655</v>
          </cell>
          <cell r="G116">
            <v>5720</v>
          </cell>
          <cell r="H116" t="str">
            <v>Regular Hire</v>
          </cell>
          <cell r="I116" t="str">
            <v>GPL</v>
          </cell>
        </row>
        <row r="117">
          <cell r="A117" t="str">
            <v>2Z371</v>
          </cell>
          <cell r="B117" t="str">
            <v>BJ08YJA</v>
          </cell>
          <cell r="C117" t="str">
            <v>Parks &amp; Open Spaces</v>
          </cell>
          <cell r="F117">
            <v>10764</v>
          </cell>
          <cell r="G117">
            <v>5720</v>
          </cell>
          <cell r="H117" t="str">
            <v>Regular Hire</v>
          </cell>
          <cell r="I117" t="str">
            <v>GPL</v>
          </cell>
        </row>
        <row r="118">
          <cell r="A118" t="str">
            <v>2Z380</v>
          </cell>
          <cell r="B118" t="str">
            <v>NL56OZN</v>
          </cell>
          <cell r="C118" t="str">
            <v>Street Scene - Cleansing</v>
          </cell>
          <cell r="D118">
            <v>39912</v>
          </cell>
          <cell r="F118">
            <v>10652</v>
          </cell>
          <cell r="G118">
            <v>5980</v>
          </cell>
          <cell r="H118" t="str">
            <v>Ad Hoc Hire</v>
          </cell>
          <cell r="I118" t="str">
            <v>Target</v>
          </cell>
        </row>
        <row r="119">
          <cell r="A119" t="str">
            <v>2Z400</v>
          </cell>
          <cell r="B119" t="str">
            <v>NC57LSF</v>
          </cell>
          <cell r="C119" t="str">
            <v>Barnet Homes - Caretakers</v>
          </cell>
          <cell r="D119">
            <v>39891</v>
          </cell>
          <cell r="F119" t="str">
            <v>External</v>
          </cell>
          <cell r="G119">
            <v>3411.24</v>
          </cell>
          <cell r="H119" t="str">
            <v>Regular Hire</v>
          </cell>
          <cell r="I119" t="str">
            <v>Target</v>
          </cell>
        </row>
        <row r="120">
          <cell r="A120" t="str">
            <v>2Z401</v>
          </cell>
          <cell r="B120" t="str">
            <v>NH07VCZ</v>
          </cell>
          <cell r="C120" t="str">
            <v>Street Scene - Cleansing</v>
          </cell>
          <cell r="D120">
            <v>39934</v>
          </cell>
          <cell r="F120">
            <v>10652</v>
          </cell>
          <cell r="G120">
            <v>5980</v>
          </cell>
          <cell r="H120" t="str">
            <v>Regular Hire</v>
          </cell>
          <cell r="I120" t="str">
            <v>GPL</v>
          </cell>
        </row>
        <row r="121">
          <cell r="A121" t="str">
            <v>2Z402</v>
          </cell>
          <cell r="B121" t="str">
            <v>KM09LZF</v>
          </cell>
          <cell r="C121" t="str">
            <v>Parks &amp; Open Spaces</v>
          </cell>
          <cell r="D121">
            <v>39987</v>
          </cell>
          <cell r="F121">
            <v>10764</v>
          </cell>
          <cell r="G121">
            <v>6156.28</v>
          </cell>
          <cell r="H121" t="str">
            <v>Regular Hire</v>
          </cell>
          <cell r="I121" t="str">
            <v>GPL</v>
          </cell>
        </row>
        <row r="122">
          <cell r="A122" t="str">
            <v>2Z403</v>
          </cell>
          <cell r="B122" t="str">
            <v>KM09LYP</v>
          </cell>
          <cell r="C122" t="str">
            <v>Parks &amp; Open Spaces</v>
          </cell>
          <cell r="D122">
            <v>39987</v>
          </cell>
          <cell r="F122">
            <v>10764</v>
          </cell>
          <cell r="G122">
            <v>6156.28</v>
          </cell>
          <cell r="H122" t="str">
            <v>Regular Hire</v>
          </cell>
          <cell r="I122" t="str">
            <v>GPL</v>
          </cell>
        </row>
        <row r="123">
          <cell r="A123" t="str">
            <v>2Z404</v>
          </cell>
          <cell r="B123" t="str">
            <v>KM09MKU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>
            <v>6156.28</v>
          </cell>
          <cell r="H123" t="str">
            <v>Regular Hire</v>
          </cell>
          <cell r="I123" t="str">
            <v>GPL</v>
          </cell>
        </row>
        <row r="124">
          <cell r="A124" t="str">
            <v>2Z405</v>
          </cell>
          <cell r="B124" t="str">
            <v>KM09MFZ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>
            <v>6156.28</v>
          </cell>
          <cell r="H124" t="str">
            <v>Regular Hire</v>
          </cell>
          <cell r="I124" t="str">
            <v>GPL</v>
          </cell>
        </row>
        <row r="125">
          <cell r="A125" t="str">
            <v>2Z406</v>
          </cell>
          <cell r="B125" t="str">
            <v>KM09MGX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>
            <v>6156.28</v>
          </cell>
          <cell r="H125" t="str">
            <v>Regular Hire</v>
          </cell>
          <cell r="I125" t="str">
            <v>GPL</v>
          </cell>
        </row>
        <row r="126">
          <cell r="A126" t="str">
            <v>2Z407</v>
          </cell>
          <cell r="B126" t="str">
            <v>NG06MFN</v>
          </cell>
          <cell r="C126" t="str">
            <v>Street Scene - Cleansing</v>
          </cell>
          <cell r="D126">
            <v>40034</v>
          </cell>
          <cell r="F126">
            <v>10652</v>
          </cell>
          <cell r="G126">
            <v>18900</v>
          </cell>
          <cell r="H126" t="str">
            <v>Regular Hire</v>
          </cell>
          <cell r="I126" t="str">
            <v>GPL</v>
          </cell>
        </row>
        <row r="127">
          <cell r="A127" t="str">
            <v>2Z408</v>
          </cell>
          <cell r="B127" t="str">
            <v>NG56NVM</v>
          </cell>
          <cell r="C127" t="str">
            <v>Barnet Homes - Caretakers</v>
          </cell>
          <cell r="D127">
            <v>40042</v>
          </cell>
          <cell r="F127" t="str">
            <v>External</v>
          </cell>
          <cell r="G127">
            <v>5980</v>
          </cell>
          <cell r="H127" t="str">
            <v>Regular Hire</v>
          </cell>
          <cell r="I127" t="str">
            <v>Target</v>
          </cell>
        </row>
        <row r="128">
          <cell r="A128" t="str">
            <v>2Z409</v>
          </cell>
          <cell r="B128" t="str">
            <v>PK07NOU</v>
          </cell>
          <cell r="C128" t="str">
            <v>Catering</v>
          </cell>
          <cell r="D128">
            <v>40066</v>
          </cell>
          <cell r="F128">
            <v>10675</v>
          </cell>
          <cell r="G128">
            <v>3411.24</v>
          </cell>
          <cell r="H128" t="str">
            <v>Regular Hire</v>
          </cell>
          <cell r="I128" t="str">
            <v>Target</v>
          </cell>
        </row>
        <row r="129">
          <cell r="A129" t="str">
            <v>2Z410</v>
          </cell>
          <cell r="B129" t="str">
            <v>YX05WJJ</v>
          </cell>
          <cell r="C129" t="str">
            <v>Street Scene - Cleansing</v>
          </cell>
          <cell r="D129">
            <v>40088</v>
          </cell>
          <cell r="F129">
            <v>10652</v>
          </cell>
          <cell r="G129">
            <v>9282</v>
          </cell>
          <cell r="H129" t="str">
            <v>Ad Hoc Hire</v>
          </cell>
          <cell r="I129" t="str">
            <v>GPL</v>
          </cell>
        </row>
        <row r="130">
          <cell r="A130" t="str">
            <v>2Z412</v>
          </cell>
          <cell r="B130" t="str">
            <v>NH07VFW</v>
          </cell>
          <cell r="C130" t="str">
            <v>Parks &amp; Open Spaces</v>
          </cell>
          <cell r="D130">
            <v>40091</v>
          </cell>
          <cell r="F130">
            <v>10764</v>
          </cell>
          <cell r="G130">
            <v>6378</v>
          </cell>
          <cell r="H130" t="str">
            <v>Ad Hoc Hire</v>
          </cell>
          <cell r="I130" t="str">
            <v>GPL</v>
          </cell>
        </row>
        <row r="131">
          <cell r="A131" t="str">
            <v>2Z413</v>
          </cell>
          <cell r="B131" t="str">
            <v>AY53WHU</v>
          </cell>
          <cell r="C131" t="str">
            <v>Street Scene - Cleansing</v>
          </cell>
          <cell r="D131">
            <v>40102</v>
          </cell>
          <cell r="F131">
            <v>10652</v>
          </cell>
          <cell r="H131" t="str">
            <v>Ad Hoc Hire</v>
          </cell>
          <cell r="I131" t="str">
            <v>GPL</v>
          </cell>
        </row>
        <row r="132">
          <cell r="A132" t="str">
            <v>2Z414</v>
          </cell>
          <cell r="B132" t="str">
            <v>PN55DXS</v>
          </cell>
          <cell r="C132" t="str">
            <v>Street Scene - Cleansing</v>
          </cell>
          <cell r="D132">
            <v>40102</v>
          </cell>
          <cell r="F132">
            <v>10652</v>
          </cell>
          <cell r="H132" t="str">
            <v>Ad Hoc Hire</v>
          </cell>
          <cell r="I132" t="str">
            <v>GPL</v>
          </cell>
        </row>
        <row r="133">
          <cell r="A133" t="str">
            <v>2Z415</v>
          </cell>
          <cell r="B133" t="str">
            <v>YY03PYA</v>
          </cell>
          <cell r="C133" t="str">
            <v>Street Scene - Cleansing</v>
          </cell>
          <cell r="F133">
            <v>10652</v>
          </cell>
          <cell r="H133" t="str">
            <v>Ad Hoc Hire</v>
          </cell>
          <cell r="I133" t="str">
            <v>GPL</v>
          </cell>
        </row>
        <row r="134">
          <cell r="A134" t="str">
            <v>2Z416</v>
          </cell>
          <cell r="B134" t="str">
            <v>NA07AWJ</v>
          </cell>
          <cell r="C134" t="str">
            <v>Barnet Homes - Caretakers</v>
          </cell>
          <cell r="D134">
            <v>40129</v>
          </cell>
          <cell r="F134" t="str">
            <v>External</v>
          </cell>
          <cell r="H134" t="str">
            <v>Ad Hoc Hire</v>
          </cell>
          <cell r="I134" t="str">
            <v>GPL</v>
          </cell>
        </row>
        <row r="135">
          <cell r="A135" t="str">
            <v>2Z417</v>
          </cell>
          <cell r="B135" t="str">
            <v>EK56LZN</v>
          </cell>
          <cell r="C135" t="str">
            <v>Street Scene - Cleansing</v>
          </cell>
          <cell r="D135">
            <v>40133</v>
          </cell>
          <cell r="E135">
            <v>40142</v>
          </cell>
          <cell r="F135">
            <v>10652</v>
          </cell>
          <cell r="H135" t="str">
            <v>Ad Hoc Hire</v>
          </cell>
          <cell r="I135" t="str">
            <v>GPL</v>
          </cell>
        </row>
        <row r="136">
          <cell r="A136" t="str">
            <v>2Z418</v>
          </cell>
          <cell r="B136" t="str">
            <v>LR09UKJ</v>
          </cell>
          <cell r="C136" t="str">
            <v>Libraries</v>
          </cell>
          <cell r="D136">
            <v>40135</v>
          </cell>
          <cell r="E136">
            <v>40143</v>
          </cell>
          <cell r="F136">
            <v>10347</v>
          </cell>
          <cell r="H136" t="str">
            <v>Ad Hoc Hire</v>
          </cell>
          <cell r="I136" t="str">
            <v>GPL</v>
          </cell>
        </row>
        <row r="137">
          <cell r="A137" t="str">
            <v>2Z419</v>
          </cell>
          <cell r="B137" t="str">
            <v>EK56LZN</v>
          </cell>
          <cell r="C137" t="str">
            <v>Parks &amp; Open Spaces</v>
          </cell>
          <cell r="D137">
            <v>40143</v>
          </cell>
          <cell r="F137">
            <v>10764</v>
          </cell>
          <cell r="H137" t="str">
            <v>Ad Hoc Hire</v>
          </cell>
          <cell r="I137" t="str">
            <v>GPL</v>
          </cell>
        </row>
        <row r="138">
          <cell r="A138" t="str">
            <v>2Z420</v>
          </cell>
          <cell r="B138" t="str">
            <v>ND56RYH</v>
          </cell>
          <cell r="C138" t="str">
            <v>Parks &amp; Open Spaces</v>
          </cell>
          <cell r="D138">
            <v>40144</v>
          </cell>
          <cell r="F138">
            <v>10764</v>
          </cell>
          <cell r="H138" t="str">
            <v>Regular Hire</v>
          </cell>
          <cell r="I138" t="str">
            <v>GPL</v>
          </cell>
        </row>
        <row r="139">
          <cell r="A139" t="str">
            <v>2Z421</v>
          </cell>
          <cell r="B139" t="str">
            <v>ND56RZO</v>
          </cell>
          <cell r="C139" t="str">
            <v>Parks &amp; Open Spaces</v>
          </cell>
          <cell r="D139">
            <v>40144</v>
          </cell>
          <cell r="F139">
            <v>10764</v>
          </cell>
          <cell r="H139" t="str">
            <v>Regular Hire</v>
          </cell>
          <cell r="I139" t="str">
            <v>GPL</v>
          </cell>
        </row>
        <row r="140">
          <cell r="A140" t="str">
            <v>3A005</v>
          </cell>
          <cell r="B140" t="str">
            <v>Y297VKX</v>
          </cell>
          <cell r="C140" t="str">
            <v>Passenger Fleet</v>
          </cell>
          <cell r="D140">
            <v>37502</v>
          </cell>
          <cell r="E140" t="str">
            <v>Barnet Owned</v>
          </cell>
          <cell r="F140">
            <v>10776</v>
          </cell>
          <cell r="G140">
            <v>0</v>
          </cell>
          <cell r="H140" t="str">
            <v>Barnet Owned</v>
          </cell>
          <cell r="I140" t="str">
            <v>N/A</v>
          </cell>
        </row>
        <row r="141">
          <cell r="A141" t="str">
            <v>3A007</v>
          </cell>
          <cell r="B141" t="str">
            <v>KE51OYC</v>
          </cell>
          <cell r="C141" t="str">
            <v>Passenger Fleet</v>
          </cell>
          <cell r="D141">
            <v>37165</v>
          </cell>
          <cell r="E141" t="str">
            <v>Barnet Owned</v>
          </cell>
          <cell r="F141">
            <v>10776</v>
          </cell>
          <cell r="G141">
            <v>0</v>
          </cell>
          <cell r="H141" t="str">
            <v>Barnet Owned</v>
          </cell>
          <cell r="I141" t="str">
            <v>N/A</v>
          </cell>
        </row>
        <row r="142">
          <cell r="A142" t="str">
            <v>3A008</v>
          </cell>
          <cell r="B142" t="str">
            <v>KE51OYF</v>
          </cell>
          <cell r="C142" t="str">
            <v>Passenger Fleet</v>
          </cell>
          <cell r="D142">
            <v>37165</v>
          </cell>
          <cell r="E142" t="str">
            <v>Barnet Owned</v>
          </cell>
          <cell r="F142">
            <v>10776</v>
          </cell>
          <cell r="G142">
            <v>0</v>
          </cell>
          <cell r="H142" t="str">
            <v>Barnet Owned</v>
          </cell>
          <cell r="I142" t="str">
            <v>N/A</v>
          </cell>
        </row>
        <row r="143">
          <cell r="A143" t="str">
            <v>3A011</v>
          </cell>
          <cell r="B143" t="str">
            <v>KJ51DVH</v>
          </cell>
          <cell r="C143" t="str">
            <v>Passenger Fleet</v>
          </cell>
          <cell r="D143">
            <v>37209</v>
          </cell>
          <cell r="F143">
            <v>10776</v>
          </cell>
          <cell r="G143">
            <v>9151.5789473684217</v>
          </cell>
          <cell r="H143" t="str">
            <v>Lease</v>
          </cell>
          <cell r="I143" t="str">
            <v>SFS</v>
          </cell>
        </row>
        <row r="144">
          <cell r="A144" t="str">
            <v>3A012</v>
          </cell>
          <cell r="B144" t="str">
            <v>KJ51DVK</v>
          </cell>
          <cell r="C144" t="str">
            <v>Passenger Fleet</v>
          </cell>
          <cell r="D144">
            <v>37209</v>
          </cell>
          <cell r="F144">
            <v>10776</v>
          </cell>
          <cell r="G144">
            <v>9151.5789473684217</v>
          </cell>
          <cell r="H144" t="str">
            <v>Lease</v>
          </cell>
          <cell r="I144" t="str">
            <v>SFS</v>
          </cell>
        </row>
        <row r="145">
          <cell r="A145" t="str">
            <v>3A013</v>
          </cell>
          <cell r="B145" t="str">
            <v>KC51LRN</v>
          </cell>
          <cell r="C145" t="str">
            <v>Passenger Fleet</v>
          </cell>
          <cell r="D145">
            <v>37288</v>
          </cell>
          <cell r="F145">
            <v>10776</v>
          </cell>
          <cell r="G145">
            <v>9089.4039735099341</v>
          </cell>
          <cell r="H145" t="str">
            <v>Lease</v>
          </cell>
          <cell r="I145" t="str">
            <v>SFS</v>
          </cell>
        </row>
        <row r="146">
          <cell r="A146" t="str">
            <v>3A014</v>
          </cell>
          <cell r="B146" t="str">
            <v>KC51LRO</v>
          </cell>
          <cell r="C146" t="str">
            <v>Passenger Fleet</v>
          </cell>
          <cell r="D146">
            <v>37288</v>
          </cell>
          <cell r="F146">
            <v>10776</v>
          </cell>
          <cell r="G146">
            <v>9089.4039735099341</v>
          </cell>
          <cell r="H146" t="str">
            <v>Lease</v>
          </cell>
          <cell r="I146" t="str">
            <v>SFS</v>
          </cell>
        </row>
        <row r="147">
          <cell r="A147" t="str">
            <v>3A015</v>
          </cell>
          <cell r="B147" t="str">
            <v>KC51LCE</v>
          </cell>
          <cell r="C147" t="str">
            <v>Passenger Fleet</v>
          </cell>
          <cell r="D147">
            <v>37288</v>
          </cell>
          <cell r="F147">
            <v>10776</v>
          </cell>
          <cell r="G147">
            <v>9089.4039735099341</v>
          </cell>
          <cell r="H147" t="str">
            <v>Lease</v>
          </cell>
          <cell r="I147" t="str">
            <v>SFS</v>
          </cell>
        </row>
        <row r="148">
          <cell r="A148" t="str">
            <v>3A016</v>
          </cell>
          <cell r="B148" t="str">
            <v>KC51LCF</v>
          </cell>
          <cell r="C148" t="str">
            <v>Passenger Fleet</v>
          </cell>
          <cell r="D148">
            <v>37288</v>
          </cell>
          <cell r="F148">
            <v>10776</v>
          </cell>
          <cell r="G148">
            <v>9089.4039735099341</v>
          </cell>
          <cell r="H148" t="str">
            <v>Lease</v>
          </cell>
          <cell r="I148" t="str">
            <v>SFS</v>
          </cell>
        </row>
        <row r="149">
          <cell r="A149" t="str">
            <v>3A017</v>
          </cell>
          <cell r="B149" t="str">
            <v>KC51NAA</v>
          </cell>
          <cell r="C149" t="str">
            <v>Passenger Fleet</v>
          </cell>
          <cell r="D149">
            <v>37294</v>
          </cell>
          <cell r="F149">
            <v>10776</v>
          </cell>
          <cell r="G149">
            <v>9089.4039735099341</v>
          </cell>
          <cell r="H149" t="str">
            <v>Lease</v>
          </cell>
          <cell r="I149" t="str">
            <v>SFS</v>
          </cell>
        </row>
        <row r="150">
          <cell r="A150" t="str">
            <v>3A018</v>
          </cell>
          <cell r="B150" t="str">
            <v>KC51NAE</v>
          </cell>
          <cell r="C150" t="str">
            <v>Passenger Fleet</v>
          </cell>
          <cell r="D150">
            <v>37298</v>
          </cell>
          <cell r="F150">
            <v>10776</v>
          </cell>
          <cell r="G150">
            <v>9089.4039735099341</v>
          </cell>
          <cell r="H150" t="str">
            <v>Lease</v>
          </cell>
          <cell r="I150" t="str">
            <v>SFS</v>
          </cell>
        </row>
        <row r="151">
          <cell r="A151" t="str">
            <v>3A019</v>
          </cell>
          <cell r="B151" t="str">
            <v>KC51NUM</v>
          </cell>
          <cell r="C151" t="str">
            <v>Passenger Fleet</v>
          </cell>
          <cell r="D151">
            <v>37306</v>
          </cell>
          <cell r="F151">
            <v>10776</v>
          </cell>
          <cell r="G151">
            <v>9089.4039735099341</v>
          </cell>
          <cell r="H151" t="str">
            <v>Lease</v>
          </cell>
          <cell r="I151" t="str">
            <v>SFS</v>
          </cell>
        </row>
        <row r="152">
          <cell r="A152" t="str">
            <v>3A020</v>
          </cell>
          <cell r="B152" t="str">
            <v>KL02CZW</v>
          </cell>
          <cell r="C152" t="str">
            <v>Passenger Fleet</v>
          </cell>
          <cell r="D152">
            <v>37341</v>
          </cell>
          <cell r="F152">
            <v>10776</v>
          </cell>
          <cell r="G152">
            <v>8605.1679533333336</v>
          </cell>
          <cell r="H152" t="str">
            <v>Lease</v>
          </cell>
          <cell r="I152" t="str">
            <v>SFS</v>
          </cell>
        </row>
        <row r="153">
          <cell r="A153" t="str">
            <v>3A021</v>
          </cell>
          <cell r="B153" t="str">
            <v>KL02CYS</v>
          </cell>
          <cell r="C153" t="str">
            <v>Passenger Fleet</v>
          </cell>
          <cell r="D153">
            <v>37348</v>
          </cell>
          <cell r="F153">
            <v>10776</v>
          </cell>
          <cell r="G153">
            <v>8864.6133333333328</v>
          </cell>
          <cell r="H153" t="str">
            <v>Lease</v>
          </cell>
          <cell r="I153" t="str">
            <v>SFS</v>
          </cell>
        </row>
        <row r="154">
          <cell r="A154" t="str">
            <v>3A022</v>
          </cell>
          <cell r="B154" t="str">
            <v>KF02UXB</v>
          </cell>
          <cell r="C154" t="str">
            <v>Passenger Fleet</v>
          </cell>
          <cell r="D154">
            <v>37368</v>
          </cell>
          <cell r="F154">
            <v>10776</v>
          </cell>
          <cell r="G154">
            <v>9093.9249046153855</v>
          </cell>
          <cell r="H154" t="str">
            <v>Lease</v>
          </cell>
          <cell r="I154" t="str">
            <v>SFS</v>
          </cell>
        </row>
        <row r="155">
          <cell r="A155" t="str">
            <v>3A023</v>
          </cell>
          <cell r="B155" t="str">
            <v>KF02UXS</v>
          </cell>
          <cell r="C155" t="str">
            <v>Passenger Fleet</v>
          </cell>
          <cell r="D155">
            <v>37377</v>
          </cell>
          <cell r="F155">
            <v>10776</v>
          </cell>
          <cell r="G155">
            <v>9217.7940942148762</v>
          </cell>
          <cell r="H155" t="str">
            <v>Lease</v>
          </cell>
          <cell r="I155" t="str">
            <v>SFS</v>
          </cell>
        </row>
        <row r="156">
          <cell r="A156" t="str">
            <v>3A024</v>
          </cell>
          <cell r="B156" t="str">
            <v>KL02JVF</v>
          </cell>
          <cell r="C156" t="str">
            <v>Passenger Fleet</v>
          </cell>
          <cell r="D156">
            <v>37386</v>
          </cell>
          <cell r="F156">
            <v>10776</v>
          </cell>
          <cell r="G156">
            <v>9874.6552686486484</v>
          </cell>
          <cell r="H156" t="str">
            <v>Lease</v>
          </cell>
          <cell r="I156" t="str">
            <v>SFS</v>
          </cell>
        </row>
        <row r="157">
          <cell r="A157" t="str">
            <v>3A025</v>
          </cell>
          <cell r="B157" t="str">
            <v>KG02YTT</v>
          </cell>
          <cell r="C157" t="str">
            <v>Passenger Fleet</v>
          </cell>
          <cell r="D157">
            <v>37396</v>
          </cell>
          <cell r="F157">
            <v>10776</v>
          </cell>
          <cell r="G157">
            <v>8791.3548578217815</v>
          </cell>
          <cell r="H157" t="str">
            <v>Lease</v>
          </cell>
          <cell r="I157" t="str">
            <v>SFS</v>
          </cell>
        </row>
        <row r="158">
          <cell r="A158" t="str">
            <v>3A026</v>
          </cell>
          <cell r="B158" t="str">
            <v>KG02YVT</v>
          </cell>
          <cell r="C158" t="str">
            <v>Passenger Fleet</v>
          </cell>
          <cell r="D158">
            <v>37403</v>
          </cell>
          <cell r="F158">
            <v>10776</v>
          </cell>
          <cell r="G158">
            <v>8825.1244578723399</v>
          </cell>
          <cell r="H158" t="str">
            <v>Lease</v>
          </cell>
          <cell r="I158" t="str">
            <v>SFS</v>
          </cell>
        </row>
        <row r="159">
          <cell r="A159" t="str">
            <v>3A027</v>
          </cell>
          <cell r="B159" t="str">
            <v>KL02NWD</v>
          </cell>
          <cell r="C159" t="str">
            <v>Passenger Fleet</v>
          </cell>
          <cell r="D159">
            <v>37412</v>
          </cell>
          <cell r="F159">
            <v>10776</v>
          </cell>
          <cell r="G159">
            <v>9956.488288235294</v>
          </cell>
          <cell r="H159" t="str">
            <v>Lease</v>
          </cell>
          <cell r="I159" t="str">
            <v>SFS</v>
          </cell>
        </row>
        <row r="160">
          <cell r="A160" t="str">
            <v>3A028</v>
          </cell>
          <cell r="B160" t="str">
            <v>KG02YXN</v>
          </cell>
          <cell r="C160" t="str">
            <v>Passenger Fleet</v>
          </cell>
          <cell r="D160">
            <v>37412</v>
          </cell>
          <cell r="F160">
            <v>10776</v>
          </cell>
          <cell r="G160">
            <v>9956.488288235294</v>
          </cell>
          <cell r="H160" t="str">
            <v>Lease</v>
          </cell>
          <cell r="I160" t="str">
            <v>SFS</v>
          </cell>
        </row>
        <row r="161">
          <cell r="A161" t="str">
            <v>3A029</v>
          </cell>
          <cell r="B161" t="str">
            <v>KG02YUV</v>
          </cell>
          <cell r="C161" t="str">
            <v>Passenger Fleet</v>
          </cell>
          <cell r="D161">
            <v>37420</v>
          </cell>
          <cell r="F161">
            <v>10776</v>
          </cell>
          <cell r="G161">
            <v>9998.7903399999996</v>
          </cell>
          <cell r="H161" t="str">
            <v>Lease</v>
          </cell>
          <cell r="I161" t="str">
            <v>SFS</v>
          </cell>
        </row>
        <row r="162">
          <cell r="A162" t="str">
            <v>3A030</v>
          </cell>
          <cell r="B162" t="str">
            <v>KG02YWL</v>
          </cell>
          <cell r="C162" t="str">
            <v>Passenger Fleet</v>
          </cell>
          <cell r="D162">
            <v>37452</v>
          </cell>
          <cell r="F162">
            <v>10776</v>
          </cell>
          <cell r="G162">
            <v>9598.596066666667</v>
          </cell>
          <cell r="H162" t="str">
            <v>Lease</v>
          </cell>
          <cell r="I162" t="str">
            <v>SFS</v>
          </cell>
        </row>
        <row r="163">
          <cell r="A163" t="str">
            <v>3A031</v>
          </cell>
          <cell r="B163" t="str">
            <v>KC02AKX</v>
          </cell>
          <cell r="C163" t="str">
            <v>Passenger Fleet</v>
          </cell>
          <cell r="D163">
            <v>37445</v>
          </cell>
          <cell r="F163">
            <v>10776</v>
          </cell>
          <cell r="G163">
            <v>9700.8109938461548</v>
          </cell>
          <cell r="H163" t="str">
            <v>Lease</v>
          </cell>
          <cell r="I163" t="str">
            <v>SFS</v>
          </cell>
        </row>
        <row r="164">
          <cell r="A164" t="str">
            <v>3A032</v>
          </cell>
          <cell r="B164" t="str">
            <v>KH02OKA</v>
          </cell>
          <cell r="C164" t="str">
            <v>Passenger Fleet</v>
          </cell>
          <cell r="D164">
            <v>37463</v>
          </cell>
          <cell r="F164">
            <v>10776</v>
          </cell>
          <cell r="G164">
            <v>8989.830291764707</v>
          </cell>
          <cell r="H164" t="str">
            <v>Lease</v>
          </cell>
          <cell r="I164" t="str">
            <v>SFS</v>
          </cell>
        </row>
        <row r="165">
          <cell r="A165" t="str">
            <v>3A033</v>
          </cell>
          <cell r="B165" t="str">
            <v>KH02UDO</v>
          </cell>
          <cell r="C165" t="str">
            <v>Passenger Fleet</v>
          </cell>
          <cell r="D165">
            <v>37481</v>
          </cell>
          <cell r="F165">
            <v>10776</v>
          </cell>
          <cell r="G165">
            <v>8552.7138258823543</v>
          </cell>
          <cell r="H165" t="str">
            <v>Lease</v>
          </cell>
          <cell r="I165" t="str">
            <v>SFS</v>
          </cell>
        </row>
        <row r="166">
          <cell r="A166" t="str">
            <v>3P001</v>
          </cell>
          <cell r="B166" t="str">
            <v>AE02TUJ</v>
          </cell>
          <cell r="C166" t="str">
            <v>Colindale Police</v>
          </cell>
          <cell r="D166">
            <v>37336</v>
          </cell>
          <cell r="E166" t="str">
            <v>Barnet Owned</v>
          </cell>
          <cell r="F166">
            <v>10996</v>
          </cell>
          <cell r="G166">
            <v>0</v>
          </cell>
          <cell r="H166" t="str">
            <v>Barnet Owned</v>
          </cell>
          <cell r="I166" t="str">
            <v>N/A</v>
          </cell>
        </row>
        <row r="167">
          <cell r="A167" t="str">
            <v>3P002</v>
          </cell>
          <cell r="B167" t="str">
            <v>3P002</v>
          </cell>
          <cell r="C167" t="str">
            <v>Colindale Police</v>
          </cell>
          <cell r="D167">
            <v>37336</v>
          </cell>
          <cell r="E167" t="str">
            <v>Barnet Owned</v>
          </cell>
          <cell r="F167">
            <v>10996</v>
          </cell>
          <cell r="G167">
            <v>0</v>
          </cell>
          <cell r="H167" t="str">
            <v>Barnet Owned</v>
          </cell>
          <cell r="I167" t="str">
            <v>N/A</v>
          </cell>
        </row>
        <row r="168">
          <cell r="A168" t="str">
            <v>3Z104</v>
          </cell>
          <cell r="B168" t="str">
            <v>MX09KLA</v>
          </cell>
          <cell r="C168" t="str">
            <v>Passenger Fleet</v>
          </cell>
          <cell r="D168">
            <v>40137</v>
          </cell>
          <cell r="E168" t="str">
            <v>two week</v>
          </cell>
          <cell r="F168">
            <v>10776</v>
          </cell>
          <cell r="H168" t="str">
            <v>Ad Hoc Hire</v>
          </cell>
          <cell r="I168" t="str">
            <v>DRM</v>
          </cell>
        </row>
        <row r="169">
          <cell r="A169" t="str">
            <v>4T027</v>
          </cell>
          <cell r="B169" t="str">
            <v>LK07EPA</v>
          </cell>
          <cell r="C169" t="str">
            <v>Barnet Homes - Caretakers</v>
          </cell>
          <cell r="D169">
            <v>39301</v>
          </cell>
          <cell r="E169">
            <v>40397</v>
          </cell>
          <cell r="F169" t="str">
            <v>External</v>
          </cell>
          <cell r="G169">
            <v>11156.953353972604</v>
          </cell>
          <cell r="H169" t="str">
            <v>Lease</v>
          </cell>
          <cell r="I169" t="str">
            <v>SFS</v>
          </cell>
        </row>
        <row r="170">
          <cell r="A170" t="str">
            <v>4T028</v>
          </cell>
          <cell r="B170" t="str">
            <v>LK07EPC</v>
          </cell>
          <cell r="C170" t="str">
            <v>Barnet Homes - Caretakers</v>
          </cell>
          <cell r="D170">
            <v>39301</v>
          </cell>
          <cell r="E170">
            <v>40397</v>
          </cell>
          <cell r="F170" t="str">
            <v>External</v>
          </cell>
          <cell r="G170">
            <v>11156.953353972604</v>
          </cell>
          <cell r="H170" t="str">
            <v>Lease</v>
          </cell>
          <cell r="I170" t="str">
            <v>SFS</v>
          </cell>
        </row>
        <row r="171">
          <cell r="A171" t="str">
            <v>4T029</v>
          </cell>
          <cell r="B171" t="str">
            <v>LK57CYH</v>
          </cell>
          <cell r="C171" t="str">
            <v>Barnet Homes - Caretakers</v>
          </cell>
          <cell r="D171">
            <v>39356</v>
          </cell>
          <cell r="E171">
            <v>40452</v>
          </cell>
          <cell r="F171" t="str">
            <v>External</v>
          </cell>
          <cell r="G171">
            <v>8797.4656087671246</v>
          </cell>
          <cell r="H171" t="str">
            <v>Lease</v>
          </cell>
          <cell r="I171" t="str">
            <v>SFS</v>
          </cell>
        </row>
        <row r="172">
          <cell r="A172" t="str">
            <v>4Z257</v>
          </cell>
          <cell r="B172" t="str">
            <v>NX08CFG</v>
          </cell>
          <cell r="C172" t="str">
            <v>Highway Maintenance (10664)</v>
          </cell>
          <cell r="F172">
            <v>10664</v>
          </cell>
          <cell r="G172">
            <v>10088</v>
          </cell>
          <cell r="H172" t="str">
            <v>Regular Hire</v>
          </cell>
          <cell r="I172" t="str">
            <v>DRM</v>
          </cell>
        </row>
        <row r="173">
          <cell r="A173" t="str">
            <v>4Z258</v>
          </cell>
          <cell r="B173" t="str">
            <v>NX08CFE</v>
          </cell>
          <cell r="C173" t="str">
            <v>Highway Maintenance (10664)</v>
          </cell>
          <cell r="F173">
            <v>10664</v>
          </cell>
          <cell r="G173">
            <v>10088</v>
          </cell>
          <cell r="H173" t="str">
            <v>Regular Hire</v>
          </cell>
          <cell r="I173" t="str">
            <v>DRM</v>
          </cell>
        </row>
        <row r="174">
          <cell r="A174" t="str">
            <v>4Z259</v>
          </cell>
          <cell r="B174" t="str">
            <v>NX08CFF</v>
          </cell>
          <cell r="C174" t="str">
            <v>Highway Maintenance (10664)</v>
          </cell>
          <cell r="F174">
            <v>10664</v>
          </cell>
          <cell r="G174">
            <v>10088</v>
          </cell>
          <cell r="H174" t="str">
            <v>Regular Hire</v>
          </cell>
          <cell r="I174" t="str">
            <v>DRM</v>
          </cell>
        </row>
        <row r="175">
          <cell r="A175" t="str">
            <v>4Z260</v>
          </cell>
          <cell r="B175" t="str">
            <v>NX08CFJ</v>
          </cell>
          <cell r="C175" t="str">
            <v>Highway Maintenance (10664)</v>
          </cell>
          <cell r="F175">
            <v>10664</v>
          </cell>
          <cell r="G175">
            <v>10088</v>
          </cell>
          <cell r="H175" t="str">
            <v>Regular Hire</v>
          </cell>
          <cell r="I175" t="str">
            <v>DRM</v>
          </cell>
        </row>
        <row r="176">
          <cell r="A176" t="str">
            <v>4Z261</v>
          </cell>
          <cell r="B176" t="str">
            <v>MX08HHT</v>
          </cell>
          <cell r="C176" t="str">
            <v>Highway Maintenance (10664)</v>
          </cell>
          <cell r="F176">
            <v>10664</v>
          </cell>
          <cell r="G176">
            <v>10088</v>
          </cell>
          <cell r="H176" t="str">
            <v>Regular Hire</v>
          </cell>
          <cell r="I176" t="str">
            <v>DRM</v>
          </cell>
        </row>
        <row r="177">
          <cell r="A177" t="str">
            <v>4Z262</v>
          </cell>
          <cell r="B177" t="str">
            <v>NX07GOH</v>
          </cell>
          <cell r="C177" t="str">
            <v>Street Scene - Refuse</v>
          </cell>
          <cell r="F177">
            <v>10655</v>
          </cell>
          <cell r="G177">
            <v>11180</v>
          </cell>
          <cell r="H177" t="str">
            <v>Regular Hire</v>
          </cell>
          <cell r="I177" t="str">
            <v>DRM</v>
          </cell>
        </row>
        <row r="178">
          <cell r="A178" t="str">
            <v>4Z267</v>
          </cell>
          <cell r="B178" t="str">
            <v>DX53LPY</v>
          </cell>
          <cell r="C178" t="str">
            <v>Barnet Homes - Caretakers</v>
          </cell>
          <cell r="D178">
            <v>39881</v>
          </cell>
          <cell r="F178">
            <v>10652</v>
          </cell>
          <cell r="G178">
            <v>13260</v>
          </cell>
          <cell r="H178" t="str">
            <v>Regular Hire</v>
          </cell>
          <cell r="I178" t="str">
            <v>GPL</v>
          </cell>
        </row>
        <row r="179">
          <cell r="A179" t="str">
            <v>4Z270</v>
          </cell>
          <cell r="B179" t="str">
            <v>MX56CUJ</v>
          </cell>
          <cell r="C179" t="str">
            <v>Street Scene - Cleansing</v>
          </cell>
          <cell r="D179">
            <v>39938</v>
          </cell>
          <cell r="F179">
            <v>10652</v>
          </cell>
          <cell r="G179">
            <v>13260</v>
          </cell>
          <cell r="H179" t="str">
            <v>Regular Hire</v>
          </cell>
          <cell r="I179" t="str">
            <v>GPL</v>
          </cell>
        </row>
        <row r="180">
          <cell r="A180" t="str">
            <v>4Z272</v>
          </cell>
          <cell r="B180" t="str">
            <v>WU53ERJ</v>
          </cell>
          <cell r="C180" t="str">
            <v>Barnet Homes - Caretakers</v>
          </cell>
          <cell r="D180">
            <v>40082</v>
          </cell>
          <cell r="F180" t="str">
            <v>External</v>
          </cell>
          <cell r="G180">
            <v>0</v>
          </cell>
          <cell r="H180" t="str">
            <v>Ad Hoc Hire</v>
          </cell>
          <cell r="I180" t="str">
            <v>GPL</v>
          </cell>
        </row>
        <row r="181">
          <cell r="A181" t="str">
            <v>4Z273</v>
          </cell>
          <cell r="B181" t="str">
            <v>WU53ERJ</v>
          </cell>
          <cell r="C181" t="str">
            <v>Street Scene - Cleansing</v>
          </cell>
          <cell r="D181">
            <v>40066</v>
          </cell>
          <cell r="E181">
            <v>40081</v>
          </cell>
          <cell r="F181">
            <v>10652</v>
          </cell>
          <cell r="H181" t="str">
            <v>Ad Hoc Hire</v>
          </cell>
          <cell r="I181" t="str">
            <v>GPL</v>
          </cell>
        </row>
        <row r="182">
          <cell r="A182" t="str">
            <v>4Z274</v>
          </cell>
          <cell r="B182" t="str">
            <v>WU53DMO</v>
          </cell>
          <cell r="C182" t="str">
            <v>Street Scene - Cleansing</v>
          </cell>
          <cell r="D182">
            <v>40082</v>
          </cell>
          <cell r="F182">
            <v>10652</v>
          </cell>
          <cell r="H182" t="str">
            <v>Regular Hire</v>
          </cell>
          <cell r="I182" t="str">
            <v>GPL</v>
          </cell>
        </row>
        <row r="183">
          <cell r="A183" t="str">
            <v>5S003</v>
          </cell>
          <cell r="B183" t="str">
            <v>KX04KMY</v>
          </cell>
          <cell r="C183" t="str">
            <v>Street Scene - Cleansing</v>
          </cell>
          <cell r="D183">
            <v>38146</v>
          </cell>
          <cell r="E183">
            <v>40702</v>
          </cell>
          <cell r="F183">
            <v>10652</v>
          </cell>
          <cell r="G183">
            <v>7463.5068920547947</v>
          </cell>
          <cell r="H183" t="str">
            <v>Lease</v>
          </cell>
          <cell r="I183" t="str">
            <v>SFS</v>
          </cell>
        </row>
        <row r="184">
          <cell r="A184" t="str">
            <v>5S551</v>
          </cell>
          <cell r="B184" t="str">
            <v>R717HGC</v>
          </cell>
          <cell r="C184" t="str">
            <v>Street Scene - Cleansing</v>
          </cell>
          <cell r="D184">
            <v>35839</v>
          </cell>
          <cell r="E184" t="str">
            <v>Barnet Owned</v>
          </cell>
          <cell r="F184">
            <v>10652</v>
          </cell>
          <cell r="G184">
            <v>0</v>
          </cell>
          <cell r="H184" t="str">
            <v>Barnet Owned</v>
          </cell>
          <cell r="I184" t="str">
            <v>N/A</v>
          </cell>
        </row>
        <row r="185">
          <cell r="A185" t="str">
            <v>5T001</v>
          </cell>
          <cell r="B185" t="str">
            <v>KX51XXZ</v>
          </cell>
          <cell r="C185" t="str">
            <v>Street Scene - Refuse</v>
          </cell>
          <cell r="D185">
            <v>37179</v>
          </cell>
          <cell r="F185">
            <v>10655</v>
          </cell>
          <cell r="G185">
            <v>13270.529801324503</v>
          </cell>
          <cell r="H185" t="str">
            <v>Lease</v>
          </cell>
          <cell r="I185" t="str">
            <v>SFS</v>
          </cell>
        </row>
        <row r="186">
          <cell r="A186" t="str">
            <v>5T002</v>
          </cell>
          <cell r="B186" t="str">
            <v>KX54HRN</v>
          </cell>
          <cell r="C186" t="str">
            <v>Highway Maintenance (10664)</v>
          </cell>
          <cell r="D186">
            <v>38320</v>
          </cell>
          <cell r="F186">
            <v>10664</v>
          </cell>
          <cell r="G186">
            <v>11257.894736842105</v>
          </cell>
          <cell r="H186" t="str">
            <v>Lease</v>
          </cell>
          <cell r="I186" t="str">
            <v>SFS</v>
          </cell>
        </row>
        <row r="187">
          <cell r="A187" t="str">
            <v>5Z005</v>
          </cell>
          <cell r="B187" t="str">
            <v>PN07HHW</v>
          </cell>
          <cell r="C187" t="str">
            <v>Street Scene - Refuse</v>
          </cell>
          <cell r="D187">
            <v>39979</v>
          </cell>
          <cell r="F187">
            <v>10655</v>
          </cell>
          <cell r="G187">
            <v>21840</v>
          </cell>
          <cell r="H187" t="str">
            <v>Ad Hoc Hire</v>
          </cell>
          <cell r="I187" t="str">
            <v>GPL</v>
          </cell>
        </row>
        <row r="188">
          <cell r="A188" t="str">
            <v>5Z007</v>
          </cell>
          <cell r="B188" t="str">
            <v>YJ56ZBZ</v>
          </cell>
          <cell r="C188" t="str">
            <v>Street Scene - Refuse</v>
          </cell>
          <cell r="D188">
            <v>40095</v>
          </cell>
          <cell r="F188">
            <v>10655</v>
          </cell>
          <cell r="G188">
            <v>0</v>
          </cell>
          <cell r="H188" t="str">
            <v>Ad Hoc Hire</v>
          </cell>
          <cell r="I188" t="str">
            <v>GPL</v>
          </cell>
        </row>
        <row r="189">
          <cell r="A189" t="str">
            <v>5Z008</v>
          </cell>
          <cell r="B189" t="str">
            <v>PO56KHV</v>
          </cell>
          <cell r="C189" t="str">
            <v>Street Scene - Cleansing</v>
          </cell>
          <cell r="D189">
            <v>40106</v>
          </cell>
          <cell r="E189">
            <v>40112</v>
          </cell>
          <cell r="F189">
            <v>10652</v>
          </cell>
          <cell r="H189" t="str">
            <v>Ad Hoc Hire</v>
          </cell>
          <cell r="I189" t="str">
            <v>GPL</v>
          </cell>
        </row>
        <row r="190">
          <cell r="A190" t="str">
            <v>5Z009</v>
          </cell>
          <cell r="B190" t="str">
            <v>PN07HHX</v>
          </cell>
          <cell r="C190" t="str">
            <v>Street Scene - Cleansing</v>
          </cell>
          <cell r="D190">
            <v>40135</v>
          </cell>
          <cell r="F190">
            <v>10652</v>
          </cell>
          <cell r="H190" t="str">
            <v>Ad Hoc Hire</v>
          </cell>
          <cell r="I190" t="str">
            <v>GPL</v>
          </cell>
        </row>
        <row r="191">
          <cell r="A191" t="str">
            <v>6B201</v>
          </cell>
          <cell r="B191" t="str">
            <v>Y342HDU</v>
          </cell>
          <cell r="C191" t="str">
            <v>Street Scene - Refuse</v>
          </cell>
          <cell r="D191" t="str">
            <v>Barnet Owned</v>
          </cell>
          <cell r="E191" t="str">
            <v>n/a</v>
          </cell>
          <cell r="F191">
            <v>10655</v>
          </cell>
          <cell r="G191">
            <v>0</v>
          </cell>
          <cell r="H191" t="str">
            <v>Barnet Owned</v>
          </cell>
          <cell r="I191" t="str">
            <v>N/A</v>
          </cell>
        </row>
        <row r="192">
          <cell r="A192" t="str">
            <v>6B202</v>
          </cell>
          <cell r="B192" t="str">
            <v>Y441HDU</v>
          </cell>
          <cell r="C192" t="str">
            <v>Street Scene - Refuse</v>
          </cell>
          <cell r="D192" t="str">
            <v>Barnet Owned</v>
          </cell>
          <cell r="F192">
            <v>10655</v>
          </cell>
          <cell r="G192">
            <v>0</v>
          </cell>
          <cell r="H192" t="str">
            <v>Barnet Owned</v>
          </cell>
          <cell r="I192" t="str">
            <v>N/A</v>
          </cell>
        </row>
        <row r="193">
          <cell r="A193" t="str">
            <v>6B207</v>
          </cell>
          <cell r="B193" t="str">
            <v>VU52TKN</v>
          </cell>
          <cell r="C193" t="str">
            <v>Street Scene - Refuse</v>
          </cell>
          <cell r="D193">
            <v>37690</v>
          </cell>
          <cell r="E193">
            <v>40247</v>
          </cell>
          <cell r="F193">
            <v>10655</v>
          </cell>
          <cell r="G193">
            <v>24770.1</v>
          </cell>
          <cell r="H193" t="str">
            <v>Lease</v>
          </cell>
          <cell r="I193" t="str">
            <v>SFS</v>
          </cell>
        </row>
        <row r="194">
          <cell r="A194" t="str">
            <v>6B208</v>
          </cell>
          <cell r="B194" t="str">
            <v>VU52TKK</v>
          </cell>
          <cell r="C194" t="str">
            <v>Street Scene - Refuse</v>
          </cell>
          <cell r="D194">
            <v>37690</v>
          </cell>
          <cell r="E194">
            <v>40247</v>
          </cell>
          <cell r="F194">
            <v>10655</v>
          </cell>
          <cell r="G194">
            <v>24770.1</v>
          </cell>
          <cell r="H194" t="str">
            <v>Lease</v>
          </cell>
          <cell r="I194" t="str">
            <v>SFS</v>
          </cell>
        </row>
        <row r="195">
          <cell r="A195" t="str">
            <v>6B209</v>
          </cell>
          <cell r="B195" t="str">
            <v>VX54BVB</v>
          </cell>
          <cell r="C195" t="str">
            <v>Street Scene - Refuse</v>
          </cell>
          <cell r="D195">
            <v>38292</v>
          </cell>
          <cell r="E195">
            <v>40848</v>
          </cell>
          <cell r="F195">
            <v>10655</v>
          </cell>
          <cell r="G195">
            <v>24777.09548</v>
          </cell>
          <cell r="H195" t="str">
            <v>Lease</v>
          </cell>
          <cell r="I195" t="str">
            <v>SFS</v>
          </cell>
        </row>
        <row r="196">
          <cell r="A196" t="str">
            <v>6C001</v>
          </cell>
          <cell r="B196" t="str">
            <v>VK58JLU</v>
          </cell>
          <cell r="C196" t="str">
            <v>Street Scene - Refuse</v>
          </cell>
          <cell r="D196">
            <v>39756</v>
          </cell>
          <cell r="E196">
            <v>41582</v>
          </cell>
          <cell r="F196">
            <v>10655</v>
          </cell>
          <cell r="G196">
            <v>39166.400000000001</v>
          </cell>
          <cell r="H196" t="str">
            <v>Lease</v>
          </cell>
          <cell r="I196" t="str">
            <v>GPL</v>
          </cell>
        </row>
        <row r="197">
          <cell r="A197" t="str">
            <v>6C002</v>
          </cell>
          <cell r="B197" t="str">
            <v>VK58JLV</v>
          </cell>
          <cell r="C197" t="str">
            <v>Street Scene - Refuse</v>
          </cell>
          <cell r="D197">
            <v>39756</v>
          </cell>
          <cell r="E197">
            <v>41582</v>
          </cell>
          <cell r="F197">
            <v>10655</v>
          </cell>
          <cell r="G197">
            <v>39166.400000000001</v>
          </cell>
          <cell r="H197" t="str">
            <v>Lease</v>
          </cell>
          <cell r="I197" t="str">
            <v>GPL</v>
          </cell>
        </row>
        <row r="198">
          <cell r="A198" t="str">
            <v>6C003</v>
          </cell>
          <cell r="B198" t="str">
            <v>VK58JLX</v>
          </cell>
          <cell r="C198" t="str">
            <v>Street Scene - Refuse</v>
          </cell>
          <cell r="D198">
            <v>39756</v>
          </cell>
          <cell r="E198">
            <v>41582</v>
          </cell>
          <cell r="F198">
            <v>10655</v>
          </cell>
          <cell r="G198">
            <v>39166.400000000001</v>
          </cell>
          <cell r="H198" t="str">
            <v>Lease</v>
          </cell>
          <cell r="I198" t="str">
            <v>GPL</v>
          </cell>
        </row>
        <row r="199">
          <cell r="A199" t="str">
            <v>6C004</v>
          </cell>
          <cell r="B199" t="str">
            <v>VN58GGO</v>
          </cell>
          <cell r="C199" t="str">
            <v>Street Scene - Refuse</v>
          </cell>
          <cell r="D199">
            <v>39815</v>
          </cell>
          <cell r="E199">
            <v>41641</v>
          </cell>
          <cell r="F199">
            <v>10655</v>
          </cell>
          <cell r="G199">
            <v>39166.400000000001</v>
          </cell>
          <cell r="H199" t="str">
            <v>Lease</v>
          </cell>
          <cell r="I199" t="str">
            <v>GPL</v>
          </cell>
        </row>
        <row r="200">
          <cell r="A200" t="str">
            <v>6C005</v>
          </cell>
          <cell r="B200" t="str">
            <v>VN58GGP</v>
          </cell>
          <cell r="C200" t="str">
            <v>Street Scene - Refuse</v>
          </cell>
          <cell r="D200">
            <v>39819</v>
          </cell>
          <cell r="E200">
            <v>41645</v>
          </cell>
          <cell r="F200">
            <v>10655</v>
          </cell>
          <cell r="G200">
            <v>39166.400000000001</v>
          </cell>
          <cell r="H200" t="str">
            <v>Lease</v>
          </cell>
          <cell r="I200" t="str">
            <v>GPL</v>
          </cell>
        </row>
        <row r="201">
          <cell r="A201" t="str">
            <v>6C006</v>
          </cell>
          <cell r="B201" t="str">
            <v>VN58GGU</v>
          </cell>
          <cell r="C201" t="str">
            <v>Street Scene - Refuse</v>
          </cell>
          <cell r="D201">
            <v>39839</v>
          </cell>
          <cell r="E201">
            <v>41665</v>
          </cell>
          <cell r="F201">
            <v>10655</v>
          </cell>
          <cell r="G201">
            <v>39166.400000000001</v>
          </cell>
          <cell r="H201" t="str">
            <v>Lease</v>
          </cell>
          <cell r="I201" t="str">
            <v>GPL</v>
          </cell>
        </row>
        <row r="202">
          <cell r="A202" t="str">
            <v>6C007</v>
          </cell>
          <cell r="B202" t="str">
            <v>VN58GGV</v>
          </cell>
          <cell r="C202" t="str">
            <v>Street Scene - Refuse</v>
          </cell>
          <cell r="D202">
            <v>39860</v>
          </cell>
          <cell r="E202">
            <v>41686</v>
          </cell>
          <cell r="F202">
            <v>10655</v>
          </cell>
          <cell r="G202" t="str">
            <v>SPARE</v>
          </cell>
          <cell r="H202" t="str">
            <v>Lease</v>
          </cell>
          <cell r="I202" t="str">
            <v>GPL</v>
          </cell>
        </row>
        <row r="203">
          <cell r="A203" t="str">
            <v>6C008</v>
          </cell>
          <cell r="B203" t="str">
            <v>VX09WJK</v>
          </cell>
          <cell r="C203" t="str">
            <v>Street Scene - Refuse</v>
          </cell>
          <cell r="D203">
            <v>39959</v>
          </cell>
          <cell r="E203" t="str">
            <v>SPARE</v>
          </cell>
          <cell r="F203">
            <v>10655</v>
          </cell>
          <cell r="G203" t="str">
            <v>SPARE</v>
          </cell>
          <cell r="H203" t="str">
            <v>Lease</v>
          </cell>
          <cell r="I203" t="str">
            <v>GPL</v>
          </cell>
        </row>
        <row r="204">
          <cell r="A204" t="str">
            <v>6D004</v>
          </cell>
          <cell r="B204" t="str">
            <v>VX51GOA</v>
          </cell>
          <cell r="C204" t="str">
            <v>Street Scene - Refuse</v>
          </cell>
          <cell r="D204" t="str">
            <v>Barnet Owned</v>
          </cell>
          <cell r="E204" t="str">
            <v>Barnet Owned</v>
          </cell>
          <cell r="F204">
            <v>10655</v>
          </cell>
          <cell r="G204">
            <v>0</v>
          </cell>
          <cell r="H204" t="str">
            <v>Barnet Owned</v>
          </cell>
          <cell r="I204" t="str">
            <v>N/A</v>
          </cell>
        </row>
        <row r="205">
          <cell r="A205" t="str">
            <v>6G300</v>
          </cell>
          <cell r="B205" t="str">
            <v>DK04DXM</v>
          </cell>
          <cell r="C205" t="str">
            <v>Street Scene - Refuse</v>
          </cell>
          <cell r="D205">
            <v>38056</v>
          </cell>
          <cell r="E205" t="str">
            <v>Barnet Owned</v>
          </cell>
          <cell r="F205">
            <v>10655</v>
          </cell>
          <cell r="G205">
            <v>0</v>
          </cell>
          <cell r="H205" t="str">
            <v>Barnet Owned</v>
          </cell>
          <cell r="I205" t="str">
            <v>N/A</v>
          </cell>
        </row>
        <row r="206">
          <cell r="A206" t="str">
            <v>6G301</v>
          </cell>
          <cell r="B206" t="str">
            <v>DK54GVJ</v>
          </cell>
          <cell r="C206" t="str">
            <v>Street Scene - Refuse</v>
          </cell>
          <cell r="D206">
            <v>38253</v>
          </cell>
          <cell r="E206" t="str">
            <v>Barnet Owned</v>
          </cell>
          <cell r="F206">
            <v>10655</v>
          </cell>
          <cell r="G206">
            <v>0</v>
          </cell>
          <cell r="H206" t="str">
            <v>Barnet Owned</v>
          </cell>
          <cell r="I206" t="str">
            <v>N/A</v>
          </cell>
        </row>
        <row r="207">
          <cell r="A207" t="str">
            <v>6G302</v>
          </cell>
          <cell r="B207" t="str">
            <v>DK54NNW</v>
          </cell>
          <cell r="C207" t="str">
            <v>Street Scene - Refuse</v>
          </cell>
          <cell r="D207">
            <v>38372</v>
          </cell>
          <cell r="E207" t="str">
            <v>Barnet Owned</v>
          </cell>
          <cell r="F207">
            <v>10655</v>
          </cell>
          <cell r="G207">
            <v>0</v>
          </cell>
          <cell r="H207" t="str">
            <v>Barnet Owned</v>
          </cell>
          <cell r="I207" t="str">
            <v>N/A</v>
          </cell>
        </row>
        <row r="208">
          <cell r="A208" t="str">
            <v>6G303</v>
          </cell>
          <cell r="B208" t="str">
            <v>DK54NNX</v>
          </cell>
          <cell r="C208" t="str">
            <v>Street Scene - Refuse</v>
          </cell>
          <cell r="D208">
            <v>38372</v>
          </cell>
          <cell r="E208" t="str">
            <v>Barnet Owned</v>
          </cell>
          <cell r="F208">
            <v>10655</v>
          </cell>
          <cell r="G208">
            <v>0</v>
          </cell>
          <cell r="H208" t="str">
            <v>Barnet Owned</v>
          </cell>
          <cell r="I208" t="str">
            <v>N/A</v>
          </cell>
        </row>
        <row r="209">
          <cell r="A209" t="str">
            <v>6G304</v>
          </cell>
          <cell r="B209" t="str">
            <v>DK54NNV</v>
          </cell>
          <cell r="C209" t="str">
            <v>Street Scene - Refuse</v>
          </cell>
          <cell r="D209">
            <v>38373</v>
          </cell>
          <cell r="E209" t="str">
            <v>Barnet Owned</v>
          </cell>
          <cell r="F209">
            <v>10655</v>
          </cell>
          <cell r="G209">
            <v>0</v>
          </cell>
          <cell r="H209" t="str">
            <v>Barnet Owned</v>
          </cell>
          <cell r="I209" t="str">
            <v>N/A</v>
          </cell>
        </row>
        <row r="210">
          <cell r="A210" t="str">
            <v>6G305</v>
          </cell>
          <cell r="B210" t="str">
            <v>WX55AUH</v>
          </cell>
          <cell r="C210" t="str">
            <v>Street Scene - Refuse</v>
          </cell>
          <cell r="D210">
            <v>38608</v>
          </cell>
          <cell r="E210">
            <v>40434</v>
          </cell>
          <cell r="F210">
            <v>10655</v>
          </cell>
          <cell r="G210">
            <v>27315.209966210041</v>
          </cell>
          <cell r="H210" t="str">
            <v>Lease</v>
          </cell>
          <cell r="I210" t="str">
            <v>SFS</v>
          </cell>
        </row>
        <row r="211">
          <cell r="A211" t="str">
            <v>6G306</v>
          </cell>
          <cell r="B211" t="str">
            <v>WX55AUJ</v>
          </cell>
          <cell r="C211" t="str">
            <v>Street Scene - Refuse</v>
          </cell>
          <cell r="D211">
            <v>38600</v>
          </cell>
          <cell r="E211">
            <v>40426</v>
          </cell>
          <cell r="F211">
            <v>10655</v>
          </cell>
          <cell r="G211">
            <v>27959.8127716895</v>
          </cell>
          <cell r="H211" t="str">
            <v>Lease</v>
          </cell>
          <cell r="I211" t="str">
            <v>SFS</v>
          </cell>
        </row>
        <row r="212">
          <cell r="A212" t="str">
            <v>6R001</v>
          </cell>
          <cell r="B212" t="str">
            <v>VN58GHV</v>
          </cell>
          <cell r="C212" t="str">
            <v>Street Scene - Refuse</v>
          </cell>
          <cell r="E212">
            <v>40926</v>
          </cell>
          <cell r="F212">
            <v>10655</v>
          </cell>
          <cell r="G212">
            <v>38530.44</v>
          </cell>
          <cell r="H212" t="str">
            <v>Lease</v>
          </cell>
          <cell r="I212" t="str">
            <v>GPL</v>
          </cell>
        </row>
        <row r="213">
          <cell r="A213" t="str">
            <v>6R002</v>
          </cell>
          <cell r="B213" t="str">
            <v>VN58GHX</v>
          </cell>
          <cell r="C213" t="str">
            <v>Street Scene - Refuse</v>
          </cell>
          <cell r="E213">
            <v>40926</v>
          </cell>
          <cell r="F213">
            <v>10655</v>
          </cell>
          <cell r="G213">
            <v>38530.44</v>
          </cell>
          <cell r="H213" t="str">
            <v>Lease</v>
          </cell>
          <cell r="I213" t="str">
            <v>GPL</v>
          </cell>
        </row>
        <row r="214">
          <cell r="A214" t="str">
            <v>6R003</v>
          </cell>
          <cell r="B214" t="str">
            <v>VN58GHY</v>
          </cell>
          <cell r="C214" t="str">
            <v>Street Scene - Refuse</v>
          </cell>
          <cell r="E214">
            <v>40926</v>
          </cell>
          <cell r="F214">
            <v>10655</v>
          </cell>
          <cell r="G214">
            <v>38530.44</v>
          </cell>
          <cell r="H214" t="str">
            <v>Lease</v>
          </cell>
          <cell r="I214" t="str">
            <v>GPL</v>
          </cell>
        </row>
        <row r="215">
          <cell r="A215" t="str">
            <v>6R004</v>
          </cell>
          <cell r="B215" t="str">
            <v>VN58GHZ</v>
          </cell>
          <cell r="C215" t="str">
            <v>Street Scene - Refuse</v>
          </cell>
          <cell r="E215">
            <v>40926</v>
          </cell>
          <cell r="F215">
            <v>10655</v>
          </cell>
          <cell r="G215">
            <v>38530.44</v>
          </cell>
          <cell r="H215" t="str">
            <v>Lease</v>
          </cell>
          <cell r="I215" t="str">
            <v>GPL</v>
          </cell>
        </row>
        <row r="216">
          <cell r="A216" t="str">
            <v>6R005</v>
          </cell>
          <cell r="B216" t="str">
            <v>VN58GJE</v>
          </cell>
          <cell r="C216" t="str">
            <v>Street Scene - Refuse</v>
          </cell>
          <cell r="E216">
            <v>40926</v>
          </cell>
          <cell r="F216">
            <v>10655</v>
          </cell>
          <cell r="G216">
            <v>38530.44</v>
          </cell>
          <cell r="H216" t="str">
            <v>Lease</v>
          </cell>
          <cell r="I216" t="str">
            <v>GPL</v>
          </cell>
        </row>
        <row r="217">
          <cell r="A217" t="str">
            <v>6R006</v>
          </cell>
          <cell r="B217" t="str">
            <v>VK58JLO</v>
          </cell>
          <cell r="C217" t="str">
            <v>Street Scene - Refuse</v>
          </cell>
          <cell r="D217">
            <v>39741</v>
          </cell>
          <cell r="E217">
            <v>40845</v>
          </cell>
          <cell r="F217">
            <v>10655</v>
          </cell>
          <cell r="G217">
            <v>38530.44</v>
          </cell>
          <cell r="H217" t="str">
            <v>Lease</v>
          </cell>
          <cell r="I217" t="str">
            <v>GPL</v>
          </cell>
        </row>
        <row r="218">
          <cell r="A218" t="str">
            <v>6R007</v>
          </cell>
          <cell r="B218" t="str">
            <v>VN58GJF</v>
          </cell>
          <cell r="C218" t="str">
            <v>Street Scene - Refuse</v>
          </cell>
          <cell r="D218">
            <v>39832</v>
          </cell>
          <cell r="E218">
            <v>40926</v>
          </cell>
          <cell r="F218">
            <v>10655</v>
          </cell>
          <cell r="G218">
            <v>38530.44</v>
          </cell>
          <cell r="H218" t="str">
            <v>Lease</v>
          </cell>
          <cell r="I218" t="str">
            <v>GPL</v>
          </cell>
        </row>
        <row r="219">
          <cell r="A219" t="str">
            <v>6R008</v>
          </cell>
          <cell r="B219" t="str">
            <v>VN58GJG</v>
          </cell>
          <cell r="C219" t="str">
            <v>Street Scene - Refuse</v>
          </cell>
          <cell r="D219">
            <v>39832</v>
          </cell>
          <cell r="E219">
            <v>40926</v>
          </cell>
          <cell r="F219">
            <v>10655</v>
          </cell>
          <cell r="G219">
            <v>38530.44</v>
          </cell>
          <cell r="H219" t="str">
            <v>Lease</v>
          </cell>
          <cell r="I219" t="str">
            <v>GPL</v>
          </cell>
        </row>
        <row r="220">
          <cell r="A220" t="str">
            <v>6R009</v>
          </cell>
          <cell r="B220" t="str">
            <v>VN58GJK</v>
          </cell>
          <cell r="C220" t="str">
            <v>Street Scene - Refuse</v>
          </cell>
          <cell r="D220">
            <v>39839</v>
          </cell>
          <cell r="E220">
            <v>40933</v>
          </cell>
          <cell r="F220">
            <v>10655</v>
          </cell>
          <cell r="G220">
            <v>38530.44</v>
          </cell>
          <cell r="H220" t="str">
            <v>Lease</v>
          </cell>
          <cell r="I220" t="str">
            <v>GPL</v>
          </cell>
        </row>
        <row r="221">
          <cell r="A221" t="str">
            <v>6R010</v>
          </cell>
          <cell r="B221" t="str">
            <v>VN58GJJ</v>
          </cell>
          <cell r="C221" t="str">
            <v>Street Scene - Refuse</v>
          </cell>
          <cell r="D221">
            <v>39839</v>
          </cell>
          <cell r="E221">
            <v>40933</v>
          </cell>
          <cell r="F221">
            <v>10655</v>
          </cell>
          <cell r="G221">
            <v>38530.44</v>
          </cell>
          <cell r="H221" t="str">
            <v>Lease</v>
          </cell>
          <cell r="I221" t="str">
            <v>GPL</v>
          </cell>
        </row>
        <row r="222">
          <cell r="A222" t="str">
            <v>6R011</v>
          </cell>
          <cell r="B222" t="str">
            <v>VN58GJO</v>
          </cell>
          <cell r="C222" t="str">
            <v>Street Scene - Refuse</v>
          </cell>
          <cell r="D222">
            <v>39846</v>
          </cell>
          <cell r="E222">
            <v>40940</v>
          </cell>
          <cell r="F222">
            <v>10655</v>
          </cell>
          <cell r="G222">
            <v>38530.44</v>
          </cell>
          <cell r="H222" t="str">
            <v>Lease</v>
          </cell>
          <cell r="I222" t="str">
            <v>GPL</v>
          </cell>
        </row>
        <row r="223">
          <cell r="A223" t="str">
            <v>6R012</v>
          </cell>
          <cell r="B223" t="str">
            <v>VN58GJU</v>
          </cell>
          <cell r="C223" t="str">
            <v>Street Scene - Refuse</v>
          </cell>
          <cell r="D223">
            <v>39846</v>
          </cell>
          <cell r="E223">
            <v>40940</v>
          </cell>
          <cell r="F223">
            <v>10655</v>
          </cell>
          <cell r="G223">
            <v>38530.44</v>
          </cell>
          <cell r="H223" t="str">
            <v>Lease</v>
          </cell>
          <cell r="I223" t="str">
            <v>GPL</v>
          </cell>
        </row>
        <row r="224">
          <cell r="A224" t="str">
            <v>6R013</v>
          </cell>
          <cell r="B224" t="str">
            <v>VN58GJV</v>
          </cell>
          <cell r="C224" t="str">
            <v>Street Scene - Refuse</v>
          </cell>
          <cell r="D224">
            <v>39846</v>
          </cell>
          <cell r="E224">
            <v>40940</v>
          </cell>
          <cell r="F224">
            <v>10655</v>
          </cell>
          <cell r="G224">
            <v>38530.44</v>
          </cell>
          <cell r="H224" t="str">
            <v>Lease</v>
          </cell>
          <cell r="I224" t="str">
            <v>GPL</v>
          </cell>
        </row>
        <row r="225">
          <cell r="A225" t="str">
            <v>6R014</v>
          </cell>
          <cell r="B225" t="str">
            <v>VN58GJX</v>
          </cell>
          <cell r="C225" t="str">
            <v>Street Scene - Refuse</v>
          </cell>
          <cell r="D225">
            <v>39846</v>
          </cell>
          <cell r="E225">
            <v>40940</v>
          </cell>
          <cell r="F225">
            <v>10655</v>
          </cell>
          <cell r="G225">
            <v>38530.44</v>
          </cell>
          <cell r="H225" t="str">
            <v>Lease</v>
          </cell>
          <cell r="I225" t="str">
            <v>GPL</v>
          </cell>
        </row>
        <row r="226">
          <cell r="A226" t="str">
            <v>6R015</v>
          </cell>
          <cell r="B226" t="str">
            <v>VN58GJY</v>
          </cell>
          <cell r="C226" t="str">
            <v>Street Scene - Refuse</v>
          </cell>
          <cell r="D226">
            <v>39853</v>
          </cell>
          <cell r="E226">
            <v>40954</v>
          </cell>
          <cell r="F226">
            <v>10655</v>
          </cell>
          <cell r="G226">
            <v>38530.44</v>
          </cell>
          <cell r="H226" t="str">
            <v>Lease</v>
          </cell>
          <cell r="I226" t="str">
            <v>GPL</v>
          </cell>
        </row>
        <row r="227">
          <cell r="A227" t="str">
            <v>6R016</v>
          </cell>
          <cell r="B227" t="str">
            <v>VN58GJZ</v>
          </cell>
          <cell r="C227" t="str">
            <v>Street Scene - Refuse</v>
          </cell>
          <cell r="D227">
            <v>39846</v>
          </cell>
          <cell r="E227">
            <v>40940</v>
          </cell>
          <cell r="F227">
            <v>10655</v>
          </cell>
          <cell r="G227">
            <v>38530.44</v>
          </cell>
          <cell r="H227" t="str">
            <v>Lease</v>
          </cell>
          <cell r="I227" t="str">
            <v>GPL</v>
          </cell>
        </row>
        <row r="228">
          <cell r="A228" t="str">
            <v>6R017</v>
          </cell>
          <cell r="B228" t="str">
            <v>VE58CVJ</v>
          </cell>
          <cell r="C228" t="str">
            <v>Street Scene - Refuse</v>
          </cell>
          <cell r="D228">
            <v>39849</v>
          </cell>
          <cell r="E228">
            <v>40947</v>
          </cell>
          <cell r="F228">
            <v>10655</v>
          </cell>
          <cell r="G228" t="str">
            <v>SPARE</v>
          </cell>
          <cell r="H228" t="str">
            <v>Lease</v>
          </cell>
          <cell r="I228" t="str">
            <v>GPL</v>
          </cell>
        </row>
        <row r="229">
          <cell r="A229" t="str">
            <v>6R018</v>
          </cell>
          <cell r="B229" t="str">
            <v>VE58CVK</v>
          </cell>
          <cell r="C229" t="str">
            <v>Street Scene - Refuse</v>
          </cell>
          <cell r="D229">
            <v>39851</v>
          </cell>
          <cell r="E229">
            <v>40954</v>
          </cell>
          <cell r="F229">
            <v>10655</v>
          </cell>
          <cell r="G229" t="str">
            <v>SPARE</v>
          </cell>
          <cell r="H229" t="str">
            <v>Lease</v>
          </cell>
          <cell r="I229" t="str">
            <v>GPL</v>
          </cell>
        </row>
        <row r="230">
          <cell r="A230" t="str">
            <v>6R019</v>
          </cell>
          <cell r="B230" t="str">
            <v>VE58CVL</v>
          </cell>
          <cell r="C230" t="str">
            <v>Street Scene - Refuse</v>
          </cell>
          <cell r="D230">
            <v>39853</v>
          </cell>
          <cell r="E230">
            <v>40954</v>
          </cell>
          <cell r="F230">
            <v>10655</v>
          </cell>
          <cell r="G230" t="str">
            <v>SPARE</v>
          </cell>
          <cell r="H230" t="str">
            <v>Lease</v>
          </cell>
          <cell r="I230" t="str">
            <v>GPL</v>
          </cell>
        </row>
        <row r="231">
          <cell r="A231" t="str">
            <v>7G001</v>
          </cell>
          <cell r="B231" t="str">
            <v>KX51XXA</v>
          </cell>
          <cell r="C231" t="str">
            <v>Highway Maintenance (10620)</v>
          </cell>
          <cell r="D231">
            <v>37165</v>
          </cell>
          <cell r="E231">
            <v>40817</v>
          </cell>
          <cell r="F231">
            <v>10620</v>
          </cell>
          <cell r="G231">
            <v>9538.5496999999996</v>
          </cell>
          <cell r="H231" t="str">
            <v>Lease</v>
          </cell>
          <cell r="I231" t="str">
            <v>SFS</v>
          </cell>
        </row>
        <row r="232">
          <cell r="A232" t="str">
            <v>7G002</v>
          </cell>
          <cell r="B232" t="str">
            <v>KX51XXB</v>
          </cell>
          <cell r="C232" t="str">
            <v>Highway Maintenance (10620)</v>
          </cell>
          <cell r="D232">
            <v>37165</v>
          </cell>
          <cell r="E232">
            <v>40817</v>
          </cell>
          <cell r="F232">
            <v>10620</v>
          </cell>
          <cell r="G232">
            <v>9538.5496999999996</v>
          </cell>
          <cell r="H232" t="str">
            <v>Lease</v>
          </cell>
          <cell r="I232" t="str">
            <v>SFS</v>
          </cell>
        </row>
        <row r="233">
          <cell r="A233" t="str">
            <v>7G003</v>
          </cell>
          <cell r="B233" t="str">
            <v>KX51XXC</v>
          </cell>
          <cell r="C233" t="str">
            <v>Highway Maintenance (10620)</v>
          </cell>
          <cell r="D233">
            <v>37165</v>
          </cell>
          <cell r="E233">
            <v>40817</v>
          </cell>
          <cell r="F233">
            <v>10620</v>
          </cell>
          <cell r="G233">
            <v>9377.1071000000011</v>
          </cell>
          <cell r="H233" t="str">
            <v>Lease</v>
          </cell>
          <cell r="I233" t="str">
            <v>SFS</v>
          </cell>
        </row>
        <row r="234">
          <cell r="A234" t="str">
            <v>7G004</v>
          </cell>
          <cell r="B234" t="str">
            <v>KX51XXD</v>
          </cell>
          <cell r="C234" t="str">
            <v>Highway Maintenance (10620)</v>
          </cell>
          <cell r="D234">
            <v>37165</v>
          </cell>
          <cell r="E234">
            <v>40817</v>
          </cell>
          <cell r="F234">
            <v>10620</v>
          </cell>
          <cell r="G234">
            <v>9377.1071000000011</v>
          </cell>
          <cell r="H234" t="str">
            <v>Lease</v>
          </cell>
          <cell r="I234" t="str">
            <v>SFS</v>
          </cell>
        </row>
        <row r="235">
          <cell r="A235" t="str">
            <v>7G005</v>
          </cell>
          <cell r="B235" t="str">
            <v>KX51XXE</v>
          </cell>
          <cell r="C235" t="str">
            <v>Highway Maintenance (10620)</v>
          </cell>
          <cell r="D235">
            <v>37165</v>
          </cell>
          <cell r="E235">
            <v>40817</v>
          </cell>
          <cell r="F235">
            <v>10620</v>
          </cell>
          <cell r="G235">
            <v>9377.1071000000011</v>
          </cell>
          <cell r="H235" t="str">
            <v>Lease</v>
          </cell>
          <cell r="I235" t="str">
            <v>SFS</v>
          </cell>
        </row>
        <row r="236">
          <cell r="A236" t="str">
            <v>7G006</v>
          </cell>
          <cell r="B236" t="str">
            <v>KX51XXF</v>
          </cell>
          <cell r="C236" t="str">
            <v>Highway Maintenance (10620)</v>
          </cell>
          <cell r="D236">
            <v>37165</v>
          </cell>
          <cell r="E236">
            <v>40817</v>
          </cell>
          <cell r="F236">
            <v>10620</v>
          </cell>
          <cell r="G236">
            <v>9377.1071000000011</v>
          </cell>
          <cell r="H236" t="str">
            <v>Lease</v>
          </cell>
          <cell r="I236" t="str">
            <v>SFS</v>
          </cell>
        </row>
        <row r="237">
          <cell r="A237" t="str">
            <v>7G007</v>
          </cell>
          <cell r="B237" t="str">
            <v>KX51XXG</v>
          </cell>
          <cell r="C237" t="str">
            <v>Highway Maintenance (10620)</v>
          </cell>
          <cell r="D237">
            <v>37165</v>
          </cell>
          <cell r="E237">
            <v>40817</v>
          </cell>
          <cell r="F237">
            <v>10620</v>
          </cell>
          <cell r="G237">
            <v>9377.1071000000011</v>
          </cell>
          <cell r="H237" t="str">
            <v>Lease</v>
          </cell>
          <cell r="I237" t="str">
            <v>SFS</v>
          </cell>
        </row>
        <row r="238">
          <cell r="A238" t="str">
            <v>7G008</v>
          </cell>
          <cell r="B238" t="str">
            <v>KX51XXH</v>
          </cell>
          <cell r="C238" t="str">
            <v>Highway Maintenance (10620)</v>
          </cell>
          <cell r="D238">
            <v>37165</v>
          </cell>
          <cell r="E238">
            <v>40817</v>
          </cell>
          <cell r="F238">
            <v>10620</v>
          </cell>
          <cell r="G238">
            <v>9377.1071000000011</v>
          </cell>
          <cell r="H238" t="str">
            <v>Lease</v>
          </cell>
          <cell r="I238" t="str">
            <v>SFS</v>
          </cell>
        </row>
        <row r="239">
          <cell r="A239" t="str">
            <v>7G009</v>
          </cell>
          <cell r="B239" t="str">
            <v>KX51XXJ</v>
          </cell>
          <cell r="C239" t="str">
            <v>Highway Maintenance (10620)</v>
          </cell>
          <cell r="D239">
            <v>37165</v>
          </cell>
          <cell r="E239">
            <v>40817</v>
          </cell>
          <cell r="F239">
            <v>10620</v>
          </cell>
          <cell r="G239">
            <v>9377.1071000000011</v>
          </cell>
          <cell r="H239" t="str">
            <v>Lease</v>
          </cell>
          <cell r="I239" t="str">
            <v>SFS</v>
          </cell>
        </row>
        <row r="240">
          <cell r="A240" t="str">
            <v>7L001</v>
          </cell>
          <cell r="B240" t="str">
            <v>KU52LCN</v>
          </cell>
          <cell r="C240" t="str">
            <v>Libraries Moblie Services</v>
          </cell>
          <cell r="D240">
            <v>37518</v>
          </cell>
          <cell r="E240">
            <v>41171</v>
          </cell>
          <cell r="F240">
            <v>10362</v>
          </cell>
          <cell r="G240">
            <v>11431.77735570776</v>
          </cell>
          <cell r="H240" t="str">
            <v>Lease</v>
          </cell>
          <cell r="I240" t="str">
            <v>SFS</v>
          </cell>
        </row>
        <row r="241">
          <cell r="A241" t="str">
            <v>7S010</v>
          </cell>
          <cell r="B241" t="str">
            <v>GN06LUW</v>
          </cell>
          <cell r="C241" t="str">
            <v>Street Scene - Cleansing</v>
          </cell>
          <cell r="D241">
            <v>38895</v>
          </cell>
          <cell r="E241">
            <v>40720</v>
          </cell>
          <cell r="F241">
            <v>10652</v>
          </cell>
          <cell r="G241">
            <v>13926.253547579909</v>
          </cell>
          <cell r="H241" t="str">
            <v>Lease</v>
          </cell>
          <cell r="I241" t="str">
            <v>SFS</v>
          </cell>
        </row>
        <row r="242">
          <cell r="A242" t="str">
            <v>7S011</v>
          </cell>
          <cell r="B242" t="str">
            <v>GN06LUY</v>
          </cell>
          <cell r="C242" t="str">
            <v>Street Scene - Cleansing</v>
          </cell>
          <cell r="D242">
            <v>38895</v>
          </cell>
          <cell r="E242">
            <v>40720</v>
          </cell>
          <cell r="F242">
            <v>10652</v>
          </cell>
          <cell r="G242">
            <v>13610.249038904109</v>
          </cell>
          <cell r="H242" t="str">
            <v>Lease</v>
          </cell>
          <cell r="I242" t="str">
            <v>SFS</v>
          </cell>
        </row>
        <row r="243">
          <cell r="A243" t="str">
            <v>7S012</v>
          </cell>
          <cell r="B243" t="str">
            <v>GN06LUZ</v>
          </cell>
          <cell r="C243" t="str">
            <v>Street Scene - Cleansing</v>
          </cell>
          <cell r="D243">
            <v>38895</v>
          </cell>
          <cell r="E243">
            <v>40720</v>
          </cell>
          <cell r="F243">
            <v>10652</v>
          </cell>
          <cell r="G243">
            <v>13610.249038904109</v>
          </cell>
          <cell r="H243" t="str">
            <v>Lease</v>
          </cell>
          <cell r="I243" t="str">
            <v>SFS</v>
          </cell>
        </row>
        <row r="244">
          <cell r="A244" t="str">
            <v>7S013</v>
          </cell>
          <cell r="B244" t="str">
            <v>RX57FLB</v>
          </cell>
          <cell r="C244" t="str">
            <v>Street Scene - Cleansing</v>
          </cell>
          <cell r="D244">
            <v>39339</v>
          </cell>
          <cell r="E244" t="str">
            <v>Barnet Owned</v>
          </cell>
          <cell r="F244">
            <v>10652</v>
          </cell>
          <cell r="G244">
            <v>0</v>
          </cell>
          <cell r="H244" t="str">
            <v>Barnet Owned</v>
          </cell>
          <cell r="I244" t="str">
            <v>N/A</v>
          </cell>
        </row>
        <row r="245">
          <cell r="A245" t="str">
            <v>7S014</v>
          </cell>
          <cell r="B245" t="str">
            <v>RX58EVP</v>
          </cell>
          <cell r="C245" t="str">
            <v>Street Scene - Cleansing</v>
          </cell>
          <cell r="D245">
            <v>39765</v>
          </cell>
          <cell r="E245" t="str">
            <v>Barnet Owned</v>
          </cell>
          <cell r="F245">
            <v>10652</v>
          </cell>
          <cell r="G245">
            <v>0</v>
          </cell>
          <cell r="H245" t="str">
            <v>Barnet Owned</v>
          </cell>
          <cell r="I245" t="str">
            <v>N/A</v>
          </cell>
        </row>
        <row r="246">
          <cell r="A246" t="str">
            <v>7S015</v>
          </cell>
          <cell r="B246" t="str">
            <v>RX58EUY</v>
          </cell>
          <cell r="C246" t="str">
            <v>Street Scene - Cleansing</v>
          </cell>
          <cell r="D246">
            <v>39797</v>
          </cell>
          <cell r="E246">
            <v>41623</v>
          </cell>
          <cell r="F246">
            <v>10652</v>
          </cell>
          <cell r="G246">
            <v>28068.560000000001</v>
          </cell>
          <cell r="H246" t="str">
            <v>Lease</v>
          </cell>
          <cell r="I246" t="str">
            <v>GPL</v>
          </cell>
        </row>
        <row r="247">
          <cell r="A247" t="str">
            <v>7S833</v>
          </cell>
          <cell r="B247" t="str">
            <v>P715JVK</v>
          </cell>
          <cell r="C247" t="str">
            <v>Street Scene - Cleansing</v>
          </cell>
          <cell r="D247">
            <v>35285</v>
          </cell>
          <cell r="E247" t="str">
            <v>Barnet Owned</v>
          </cell>
          <cell r="F247">
            <v>10652</v>
          </cell>
          <cell r="G247">
            <v>0</v>
          </cell>
          <cell r="H247" t="str">
            <v>Barnet Owned</v>
          </cell>
          <cell r="I247" t="str">
            <v>N/A</v>
          </cell>
        </row>
        <row r="248">
          <cell r="A248" t="str">
            <v>7S851</v>
          </cell>
          <cell r="B248" t="str">
            <v>N/A</v>
          </cell>
          <cell r="C248" t="str">
            <v>Street Scene - Cleansing</v>
          </cell>
          <cell r="D248">
            <v>38393</v>
          </cell>
          <cell r="E248" t="str">
            <v>Barnet Owned</v>
          </cell>
          <cell r="F248">
            <v>10652</v>
          </cell>
          <cell r="G248">
            <v>0</v>
          </cell>
          <cell r="H248" t="str">
            <v>Barnet Owned</v>
          </cell>
          <cell r="I248" t="str">
            <v>N/A</v>
          </cell>
        </row>
        <row r="249">
          <cell r="A249" t="str">
            <v>7S852</v>
          </cell>
          <cell r="B249" t="str">
            <v>N/A</v>
          </cell>
          <cell r="C249" t="str">
            <v>Street Scene - Cleansing</v>
          </cell>
          <cell r="D249">
            <v>38393</v>
          </cell>
          <cell r="E249" t="str">
            <v>Barnet Owned</v>
          </cell>
          <cell r="F249">
            <v>10652</v>
          </cell>
          <cell r="G249">
            <v>0</v>
          </cell>
          <cell r="H249" t="str">
            <v>Barnet Owned</v>
          </cell>
          <cell r="I249" t="str">
            <v>N/A</v>
          </cell>
        </row>
        <row r="250">
          <cell r="A250" t="str">
            <v>7S853</v>
          </cell>
          <cell r="B250" t="str">
            <v>N/A</v>
          </cell>
          <cell r="C250" t="str">
            <v>Street Scene - Cleansing</v>
          </cell>
          <cell r="D250">
            <v>38393</v>
          </cell>
          <cell r="E250" t="str">
            <v>Barnet Owned</v>
          </cell>
          <cell r="F250">
            <v>10652</v>
          </cell>
          <cell r="G250">
            <v>0</v>
          </cell>
          <cell r="H250" t="str">
            <v>Barnet Owned</v>
          </cell>
          <cell r="I250" t="str">
            <v>N/A</v>
          </cell>
        </row>
        <row r="251">
          <cell r="A251" t="str">
            <v>7S854</v>
          </cell>
          <cell r="B251" t="str">
            <v>N/A</v>
          </cell>
          <cell r="C251" t="str">
            <v>Street Scene - Cleansing</v>
          </cell>
          <cell r="D251">
            <v>38393</v>
          </cell>
          <cell r="E251" t="str">
            <v>Barnet Owned</v>
          </cell>
          <cell r="F251">
            <v>10652</v>
          </cell>
          <cell r="G251">
            <v>0</v>
          </cell>
          <cell r="H251" t="str">
            <v>Barnet Owned</v>
          </cell>
          <cell r="I251" t="str">
            <v>N/A</v>
          </cell>
        </row>
        <row r="252">
          <cell r="A252" t="str">
            <v>7S855</v>
          </cell>
          <cell r="B252" t="str">
            <v>N/A</v>
          </cell>
          <cell r="C252" t="str">
            <v>Street Scene - Cleansing</v>
          </cell>
          <cell r="D252">
            <v>38393</v>
          </cell>
          <cell r="E252" t="str">
            <v>Barnet Owned</v>
          </cell>
          <cell r="F252">
            <v>10652</v>
          </cell>
          <cell r="G252">
            <v>0</v>
          </cell>
          <cell r="H252" t="str">
            <v>Barnet Owned</v>
          </cell>
          <cell r="I252" t="str">
            <v>N/A</v>
          </cell>
        </row>
        <row r="253">
          <cell r="A253" t="str">
            <v>7S856</v>
          </cell>
          <cell r="B253" t="str">
            <v>N/A</v>
          </cell>
          <cell r="C253" t="str">
            <v>Street Scene - Cleansing</v>
          </cell>
          <cell r="D253">
            <v>38393</v>
          </cell>
          <cell r="E253" t="str">
            <v>Barnet Owned</v>
          </cell>
          <cell r="F253">
            <v>10652</v>
          </cell>
          <cell r="G253">
            <v>0</v>
          </cell>
          <cell r="H253" t="str">
            <v>Barnet Owned</v>
          </cell>
          <cell r="I253" t="str">
            <v>N/A</v>
          </cell>
        </row>
        <row r="254">
          <cell r="A254" t="str">
            <v>7S857</v>
          </cell>
          <cell r="B254" t="str">
            <v>N/A</v>
          </cell>
          <cell r="C254" t="str">
            <v>Street Scene - Cleansing</v>
          </cell>
          <cell r="D254">
            <v>38653</v>
          </cell>
          <cell r="E254" t="str">
            <v>Barnet Owned</v>
          </cell>
          <cell r="F254">
            <v>10652</v>
          </cell>
          <cell r="G254">
            <v>0</v>
          </cell>
          <cell r="H254" t="str">
            <v>Barnet Owned</v>
          </cell>
          <cell r="I254" t="str">
            <v>N/A</v>
          </cell>
        </row>
        <row r="255">
          <cell r="A255" t="str">
            <v>7S858</v>
          </cell>
          <cell r="B255" t="str">
            <v>N/A</v>
          </cell>
          <cell r="C255" t="str">
            <v>Street Scene - Cleansing</v>
          </cell>
          <cell r="D255">
            <v>38653</v>
          </cell>
          <cell r="E255" t="str">
            <v>Barnet Owned</v>
          </cell>
          <cell r="F255">
            <v>10652</v>
          </cell>
          <cell r="G255">
            <v>0</v>
          </cell>
          <cell r="H255" t="str">
            <v>Barnet Owned</v>
          </cell>
          <cell r="I255" t="str">
            <v>N/A</v>
          </cell>
        </row>
        <row r="256">
          <cell r="A256" t="str">
            <v>7S859</v>
          </cell>
          <cell r="B256" t="str">
            <v>N/A</v>
          </cell>
          <cell r="C256" t="str">
            <v>Street Scene - Cleansing</v>
          </cell>
          <cell r="D256">
            <v>38653</v>
          </cell>
          <cell r="E256" t="str">
            <v>Barnet Owned</v>
          </cell>
          <cell r="F256">
            <v>10652</v>
          </cell>
          <cell r="G256">
            <v>0</v>
          </cell>
          <cell r="H256" t="str">
            <v>Barnet Owned</v>
          </cell>
          <cell r="I256" t="str">
            <v>N/A</v>
          </cell>
        </row>
        <row r="257">
          <cell r="A257" t="str">
            <v>7S860</v>
          </cell>
          <cell r="B257" t="str">
            <v>N/A</v>
          </cell>
          <cell r="C257" t="str">
            <v>Street Scene - Cleansing</v>
          </cell>
          <cell r="D257">
            <v>38653</v>
          </cell>
          <cell r="E257" t="str">
            <v>Barnet Owned</v>
          </cell>
          <cell r="F257">
            <v>10652</v>
          </cell>
          <cell r="G257">
            <v>0</v>
          </cell>
          <cell r="H257" t="str">
            <v>Barnet Owned</v>
          </cell>
          <cell r="I257" t="str">
            <v>N/A</v>
          </cell>
        </row>
        <row r="258">
          <cell r="A258" t="str">
            <v>7S861</v>
          </cell>
          <cell r="B258" t="str">
            <v>N/A</v>
          </cell>
          <cell r="C258" t="str">
            <v>Street Scene - Cleansing</v>
          </cell>
          <cell r="D258">
            <v>38653</v>
          </cell>
          <cell r="E258" t="str">
            <v>Barnet Owned</v>
          </cell>
          <cell r="F258">
            <v>10652</v>
          </cell>
          <cell r="G258">
            <v>0</v>
          </cell>
          <cell r="H258" t="str">
            <v>Barnet Owned</v>
          </cell>
          <cell r="I258" t="str">
            <v>N/A</v>
          </cell>
        </row>
        <row r="259">
          <cell r="A259" t="str">
            <v>7S862</v>
          </cell>
          <cell r="B259" t="str">
            <v>N/A</v>
          </cell>
          <cell r="C259" t="str">
            <v>Street Scene - Cleansing</v>
          </cell>
          <cell r="D259">
            <v>38653</v>
          </cell>
          <cell r="E259" t="str">
            <v>Barnet Owned</v>
          </cell>
          <cell r="F259">
            <v>10652</v>
          </cell>
          <cell r="G259">
            <v>0</v>
          </cell>
          <cell r="H259" t="str">
            <v>Barnet Owned</v>
          </cell>
          <cell r="I259" t="str">
            <v>N/A</v>
          </cell>
        </row>
        <row r="260">
          <cell r="A260" t="str">
            <v>7S863</v>
          </cell>
          <cell r="B260" t="str">
            <v>N/A</v>
          </cell>
          <cell r="C260" t="str">
            <v>Street Scene - Cleansing</v>
          </cell>
          <cell r="D260">
            <v>38653</v>
          </cell>
          <cell r="E260" t="str">
            <v>Barnet Owned</v>
          </cell>
          <cell r="F260">
            <v>10652</v>
          </cell>
          <cell r="G260">
            <v>0</v>
          </cell>
          <cell r="H260" t="str">
            <v>Barnet Owned</v>
          </cell>
          <cell r="I260" t="str">
            <v>N/A</v>
          </cell>
        </row>
        <row r="261">
          <cell r="A261" t="str">
            <v>7S864</v>
          </cell>
          <cell r="B261" t="str">
            <v>N/A</v>
          </cell>
          <cell r="C261" t="str">
            <v>Street Scene - Cleansing</v>
          </cell>
          <cell r="D261">
            <v>38653</v>
          </cell>
          <cell r="E261" t="str">
            <v>Barnet Owned</v>
          </cell>
          <cell r="F261">
            <v>10652</v>
          </cell>
          <cell r="G261">
            <v>0</v>
          </cell>
          <cell r="H261" t="str">
            <v>Barnet Owned</v>
          </cell>
          <cell r="I261" t="str">
            <v>N/A</v>
          </cell>
        </row>
        <row r="262">
          <cell r="A262" t="str">
            <v>7S865</v>
          </cell>
          <cell r="B262" t="str">
            <v>N/A</v>
          </cell>
          <cell r="C262" t="str">
            <v>Street Scene - Cleansing</v>
          </cell>
          <cell r="D262">
            <v>38653</v>
          </cell>
          <cell r="E262" t="str">
            <v>Barnet Owned</v>
          </cell>
          <cell r="F262">
            <v>10652</v>
          </cell>
          <cell r="G262">
            <v>0</v>
          </cell>
          <cell r="H262" t="str">
            <v>Barnet Owned</v>
          </cell>
          <cell r="I262" t="str">
            <v>N/A</v>
          </cell>
        </row>
        <row r="263">
          <cell r="A263" t="str">
            <v>7S866</v>
          </cell>
          <cell r="B263" t="str">
            <v>N/A</v>
          </cell>
          <cell r="C263" t="str">
            <v>Street Scene - Cleansing</v>
          </cell>
          <cell r="D263">
            <v>39300</v>
          </cell>
          <cell r="E263" t="str">
            <v>Barnet Owned</v>
          </cell>
          <cell r="F263">
            <v>10652</v>
          </cell>
          <cell r="G263">
            <v>0</v>
          </cell>
          <cell r="H263" t="str">
            <v>Barnet Owned</v>
          </cell>
          <cell r="I263" t="str">
            <v>N/A</v>
          </cell>
        </row>
        <row r="264">
          <cell r="A264" t="str">
            <v>7S867</v>
          </cell>
          <cell r="B264" t="str">
            <v>N/A</v>
          </cell>
          <cell r="C264" t="str">
            <v>Street Scene - Cleansing</v>
          </cell>
          <cell r="D264">
            <v>39326</v>
          </cell>
          <cell r="E264" t="str">
            <v>Barnet Owned</v>
          </cell>
          <cell r="F264">
            <v>10652</v>
          </cell>
          <cell r="G264">
            <v>0</v>
          </cell>
          <cell r="H264" t="str">
            <v>Barnet Owned</v>
          </cell>
          <cell r="I264" t="str">
            <v>N/A</v>
          </cell>
        </row>
        <row r="265">
          <cell r="A265" t="str">
            <v>7S868</v>
          </cell>
          <cell r="B265" t="str">
            <v>N/A</v>
          </cell>
          <cell r="C265" t="str">
            <v>Street Scene - Cleansing</v>
          </cell>
          <cell r="D265">
            <v>39326</v>
          </cell>
          <cell r="E265" t="str">
            <v>Barnet Owned</v>
          </cell>
          <cell r="F265">
            <v>10652</v>
          </cell>
          <cell r="G265">
            <v>0</v>
          </cell>
          <cell r="H265" t="str">
            <v>Barnet Owned</v>
          </cell>
          <cell r="I265" t="str">
            <v>N/A</v>
          </cell>
        </row>
        <row r="266">
          <cell r="A266" t="str">
            <v>7Z010</v>
          </cell>
          <cell r="B266" t="str">
            <v>GN55VVO</v>
          </cell>
          <cell r="C266" t="str">
            <v>Street Scene - Cleansing</v>
          </cell>
          <cell r="D266">
            <v>39981</v>
          </cell>
          <cell r="F266">
            <v>10652</v>
          </cell>
          <cell r="G266">
            <v>21788</v>
          </cell>
          <cell r="H266" t="str">
            <v>Regular Hire</v>
          </cell>
          <cell r="I266" t="str">
            <v>GPl</v>
          </cell>
        </row>
        <row r="267">
          <cell r="A267" t="str">
            <v>7Z011</v>
          </cell>
          <cell r="B267" t="str">
            <v>GN55VVM</v>
          </cell>
          <cell r="C267" t="str">
            <v>Street Scene - Cleansing</v>
          </cell>
          <cell r="D267">
            <v>39981</v>
          </cell>
          <cell r="F267">
            <v>10652</v>
          </cell>
          <cell r="G267">
            <v>21788</v>
          </cell>
          <cell r="H267" t="str">
            <v>Regular Hire</v>
          </cell>
          <cell r="I267" t="str">
            <v>GPl</v>
          </cell>
        </row>
        <row r="268">
          <cell r="A268" t="str">
            <v>8S001</v>
          </cell>
          <cell r="B268" t="str">
            <v>N/A</v>
          </cell>
          <cell r="C268" t="str">
            <v>Parks &amp; Open Spaces</v>
          </cell>
          <cell r="D268">
            <v>36956</v>
          </cell>
          <cell r="E268" t="str">
            <v>Barnet Owned</v>
          </cell>
          <cell r="F268">
            <v>10764</v>
          </cell>
          <cell r="G268">
            <v>0</v>
          </cell>
          <cell r="H268" t="str">
            <v>Barnet Owned</v>
          </cell>
          <cell r="I268" t="str">
            <v>N/A</v>
          </cell>
        </row>
        <row r="269">
          <cell r="A269" t="str">
            <v>8S002</v>
          </cell>
          <cell r="B269" t="str">
            <v>N/A</v>
          </cell>
          <cell r="C269" t="str">
            <v>Parks &amp; Open Spaces</v>
          </cell>
          <cell r="D269">
            <v>36986</v>
          </cell>
          <cell r="E269" t="str">
            <v>Barnet Owned</v>
          </cell>
          <cell r="F269">
            <v>10764</v>
          </cell>
          <cell r="G269">
            <v>0</v>
          </cell>
          <cell r="H269" t="str">
            <v>Barnet Owned</v>
          </cell>
          <cell r="I269" t="str">
            <v>N/A</v>
          </cell>
        </row>
        <row r="270">
          <cell r="A270" t="str">
            <v>8T001</v>
          </cell>
          <cell r="B270" t="str">
            <v>Y212JKX</v>
          </cell>
          <cell r="C270" t="str">
            <v>Parks &amp; Open Spaces</v>
          </cell>
          <cell r="D270">
            <v>37025</v>
          </cell>
          <cell r="E270" t="str">
            <v>Barnet Owned</v>
          </cell>
          <cell r="F270">
            <v>10764</v>
          </cell>
          <cell r="G270">
            <v>0</v>
          </cell>
          <cell r="H270" t="str">
            <v>Barnet Owned</v>
          </cell>
          <cell r="I270" t="str">
            <v>N/A</v>
          </cell>
        </row>
        <row r="271">
          <cell r="A271" t="str">
            <v>8T002</v>
          </cell>
          <cell r="B271" t="str">
            <v>Y213JKX</v>
          </cell>
          <cell r="C271" t="str">
            <v>Parks &amp; Open Spaces</v>
          </cell>
          <cell r="D271">
            <v>37025</v>
          </cell>
          <cell r="E271" t="str">
            <v>Barnet Owned</v>
          </cell>
          <cell r="F271">
            <v>10764</v>
          </cell>
          <cell r="G271">
            <v>0</v>
          </cell>
          <cell r="H271" t="str">
            <v>Barnet Owned</v>
          </cell>
          <cell r="I271" t="str">
            <v>N/A</v>
          </cell>
        </row>
        <row r="272">
          <cell r="A272" t="str">
            <v>8T003</v>
          </cell>
          <cell r="B272" t="str">
            <v>Y214JKX</v>
          </cell>
          <cell r="C272" t="str">
            <v>Parks &amp; Open Spaces</v>
          </cell>
          <cell r="D272">
            <v>37025</v>
          </cell>
          <cell r="E272" t="str">
            <v>Barnet Owned</v>
          </cell>
          <cell r="F272">
            <v>10764</v>
          </cell>
          <cell r="G272">
            <v>0</v>
          </cell>
          <cell r="H272" t="str">
            <v>Barnet Owned</v>
          </cell>
          <cell r="I272" t="str">
            <v>N/A</v>
          </cell>
        </row>
        <row r="273">
          <cell r="A273" t="str">
            <v>8T004</v>
          </cell>
          <cell r="B273" t="str">
            <v>Y215JKX</v>
          </cell>
          <cell r="C273" t="str">
            <v>Parks &amp; Open Spaces</v>
          </cell>
          <cell r="D273">
            <v>37025</v>
          </cell>
          <cell r="E273" t="str">
            <v>Barnet Owned</v>
          </cell>
          <cell r="F273">
            <v>10764</v>
          </cell>
          <cell r="G273">
            <v>0</v>
          </cell>
          <cell r="H273" t="str">
            <v>Barnet Owned</v>
          </cell>
          <cell r="I273" t="str">
            <v>N/A</v>
          </cell>
        </row>
        <row r="274">
          <cell r="A274" t="str">
            <v>8T005</v>
          </cell>
          <cell r="B274" t="str">
            <v>Y211JKX</v>
          </cell>
          <cell r="C274" t="str">
            <v>Parks &amp; Open Spaces</v>
          </cell>
          <cell r="D274">
            <v>37390</v>
          </cell>
          <cell r="E274" t="str">
            <v>Barnet Owned</v>
          </cell>
          <cell r="F274">
            <v>10764</v>
          </cell>
          <cell r="G274">
            <v>0</v>
          </cell>
          <cell r="H274" t="str">
            <v>Barnet Owned</v>
          </cell>
          <cell r="I274" t="str">
            <v>N/A</v>
          </cell>
        </row>
        <row r="275">
          <cell r="A275" t="str">
            <v>8T006</v>
          </cell>
          <cell r="B275" t="str">
            <v>Y568XGS</v>
          </cell>
          <cell r="C275" t="str">
            <v>Hendon Crem</v>
          </cell>
          <cell r="D275">
            <v>37064</v>
          </cell>
          <cell r="E275" t="str">
            <v>Barnet Owned</v>
          </cell>
          <cell r="F275">
            <v>10661</v>
          </cell>
          <cell r="G275">
            <v>0</v>
          </cell>
          <cell r="H275" t="str">
            <v>Barnet Owned</v>
          </cell>
          <cell r="I275" t="str">
            <v>N/A</v>
          </cell>
        </row>
        <row r="276">
          <cell r="A276" t="str">
            <v>8T007</v>
          </cell>
          <cell r="B276" t="str">
            <v>KE04UXM</v>
          </cell>
          <cell r="C276" t="str">
            <v>Parks &amp; Open Spaces</v>
          </cell>
          <cell r="D276">
            <v>38205</v>
          </cell>
          <cell r="E276">
            <v>40700</v>
          </cell>
          <cell r="F276">
            <v>10764</v>
          </cell>
          <cell r="G276">
            <v>8223.5432050228301</v>
          </cell>
          <cell r="H276" t="str">
            <v>Lease</v>
          </cell>
          <cell r="I276" t="str">
            <v>SFS</v>
          </cell>
        </row>
        <row r="277">
          <cell r="A277" t="str">
            <v>8W029</v>
          </cell>
          <cell r="B277" t="str">
            <v>8W029</v>
          </cell>
          <cell r="C277" t="str">
            <v>Hendon Crem</v>
          </cell>
          <cell r="D277">
            <v>38982</v>
          </cell>
          <cell r="F277">
            <v>10661</v>
          </cell>
          <cell r="G277">
            <v>2281.6177600000001</v>
          </cell>
          <cell r="H277" t="str">
            <v>Lease</v>
          </cell>
          <cell r="I277" t="str">
            <v>SFS</v>
          </cell>
        </row>
        <row r="278">
          <cell r="A278" t="str">
            <v>8W030</v>
          </cell>
          <cell r="B278" t="str">
            <v>LK09ALU</v>
          </cell>
          <cell r="C278" t="str">
            <v>Barnet Homes - Caretakers</v>
          </cell>
          <cell r="D278">
            <v>39904</v>
          </cell>
          <cell r="F278" t="str">
            <v>External</v>
          </cell>
          <cell r="G278">
            <v>10348</v>
          </cell>
          <cell r="H278" t="str">
            <v>Lease</v>
          </cell>
          <cell r="I278" t="str">
            <v>GPL</v>
          </cell>
        </row>
        <row r="279">
          <cell r="A279" t="str">
            <v>8W951</v>
          </cell>
          <cell r="B279" t="str">
            <v>T537AFC</v>
          </cell>
          <cell r="C279" t="str">
            <v>Parks &amp; Open Spaces</v>
          </cell>
          <cell r="D279">
            <v>36465</v>
          </cell>
          <cell r="E279" t="str">
            <v>Barnet owned</v>
          </cell>
          <cell r="F279">
            <v>10764</v>
          </cell>
          <cell r="G279">
            <v>0</v>
          </cell>
          <cell r="H279" t="str">
            <v>Barnet Owned</v>
          </cell>
          <cell r="I279" t="str">
            <v>N/A</v>
          </cell>
        </row>
        <row r="280">
          <cell r="A280" t="str">
            <v>8W952</v>
          </cell>
          <cell r="B280" t="str">
            <v>T538AFC</v>
          </cell>
          <cell r="C280" t="str">
            <v>Parks &amp; Open Spaces</v>
          </cell>
          <cell r="D280">
            <v>36465</v>
          </cell>
          <cell r="E280" t="str">
            <v>Barnet owned</v>
          </cell>
          <cell r="F280">
            <v>10764</v>
          </cell>
          <cell r="G280">
            <v>0</v>
          </cell>
          <cell r="H280" t="str">
            <v>Barnet Owned</v>
          </cell>
          <cell r="I280" t="str">
            <v>N/A</v>
          </cell>
        </row>
        <row r="281">
          <cell r="A281" t="str">
            <v>8W954</v>
          </cell>
          <cell r="B281" t="str">
            <v>KE06MXB</v>
          </cell>
          <cell r="C281" t="str">
            <v>Barnet Homes - Caretakers</v>
          </cell>
          <cell r="D281">
            <v>38777</v>
          </cell>
          <cell r="E281" t="str">
            <v>Barnet owned</v>
          </cell>
          <cell r="F281" t="str">
            <v>External</v>
          </cell>
          <cell r="G281">
            <v>0</v>
          </cell>
          <cell r="H281" t="str">
            <v>Barnet Owned</v>
          </cell>
          <cell r="I281" t="str">
            <v>N/A</v>
          </cell>
        </row>
        <row r="282">
          <cell r="A282" t="str">
            <v>8Z001</v>
          </cell>
          <cell r="B282" t="str">
            <v>HD001</v>
          </cell>
          <cell r="C282" t="str">
            <v>Hendon Crem</v>
          </cell>
          <cell r="F282">
            <v>10661</v>
          </cell>
          <cell r="G282">
            <v>5200</v>
          </cell>
          <cell r="H282" t="str">
            <v>Regular Hire</v>
          </cell>
          <cell r="I282" t="str">
            <v>GPL</v>
          </cell>
        </row>
        <row r="283">
          <cell r="A283" t="str">
            <v>8Z002</v>
          </cell>
          <cell r="B283" t="str">
            <v>KX08DWK</v>
          </cell>
          <cell r="C283" t="str">
            <v>Highway Maintenance (10664)</v>
          </cell>
          <cell r="F283">
            <v>10664</v>
          </cell>
          <cell r="G283">
            <v>15548</v>
          </cell>
          <cell r="H283" t="str">
            <v>Regular Hire</v>
          </cell>
          <cell r="I283" t="str">
            <v>GPL</v>
          </cell>
        </row>
        <row r="284">
          <cell r="A284" t="str">
            <v>8Z015</v>
          </cell>
          <cell r="B284" t="str">
            <v>KE55NWZ</v>
          </cell>
          <cell r="C284" t="str">
            <v>Parks &amp; Open Spaces</v>
          </cell>
          <cell r="D284">
            <v>39904</v>
          </cell>
          <cell r="E284" t="str">
            <v>32 Weeks</v>
          </cell>
          <cell r="F284">
            <v>10764</v>
          </cell>
          <cell r="G284">
            <v>11700</v>
          </cell>
          <cell r="H284" t="str">
            <v>Regular Hire</v>
          </cell>
          <cell r="I284" t="str">
            <v>GPL</v>
          </cell>
        </row>
        <row r="285">
          <cell r="A285" t="str">
            <v>8Z016</v>
          </cell>
          <cell r="B285" t="str">
            <v>KE55NXA</v>
          </cell>
          <cell r="C285" t="str">
            <v>Parks &amp; Open Spaces</v>
          </cell>
          <cell r="D285">
            <v>39904</v>
          </cell>
          <cell r="E285" t="str">
            <v>32 Weeks</v>
          </cell>
          <cell r="F285">
            <v>10764</v>
          </cell>
          <cell r="G285">
            <v>11700</v>
          </cell>
          <cell r="H285" t="str">
            <v>Regular Hire</v>
          </cell>
          <cell r="I285" t="str">
            <v>GPL</v>
          </cell>
        </row>
        <row r="286">
          <cell r="A286" t="str">
            <v>8Z017</v>
          </cell>
          <cell r="B286" t="str">
            <v>KE55KWS</v>
          </cell>
          <cell r="C286" t="str">
            <v>Parks &amp; Open Spaces</v>
          </cell>
          <cell r="D286">
            <v>39904</v>
          </cell>
          <cell r="E286" t="str">
            <v>32 Weeks</v>
          </cell>
          <cell r="F286">
            <v>10764</v>
          </cell>
          <cell r="G286">
            <v>11700</v>
          </cell>
          <cell r="H286" t="str">
            <v>Regular Hire</v>
          </cell>
          <cell r="I286" t="str">
            <v>GPL</v>
          </cell>
        </row>
        <row r="287">
          <cell r="A287" t="str">
            <v>8Z018</v>
          </cell>
          <cell r="B287" t="str">
            <v>KE55NWW</v>
          </cell>
          <cell r="C287" t="str">
            <v>Parks &amp; Open Spaces</v>
          </cell>
          <cell r="D287">
            <v>39904</v>
          </cell>
          <cell r="E287" t="str">
            <v>32 Weeks</v>
          </cell>
          <cell r="F287">
            <v>10764</v>
          </cell>
          <cell r="G287">
            <v>11700</v>
          </cell>
          <cell r="H287" t="str">
            <v>Regular Hire</v>
          </cell>
          <cell r="I287" t="str">
            <v>GPL</v>
          </cell>
        </row>
        <row r="288">
          <cell r="A288" t="str">
            <v>8Z019</v>
          </cell>
          <cell r="B288" t="str">
            <v>KE55NWY</v>
          </cell>
          <cell r="C288" t="str">
            <v>Parks &amp; Open Spaces</v>
          </cell>
          <cell r="D288">
            <v>39904</v>
          </cell>
          <cell r="E288" t="str">
            <v>32 Weeks</v>
          </cell>
          <cell r="F288">
            <v>10764</v>
          </cell>
          <cell r="G288">
            <v>11700</v>
          </cell>
          <cell r="H288" t="str">
            <v>Regular Hire</v>
          </cell>
          <cell r="I288" t="str">
            <v>GPL</v>
          </cell>
        </row>
        <row r="289">
          <cell r="A289" t="str">
            <v>8Z020</v>
          </cell>
          <cell r="B289" t="str">
            <v>KE55NWR</v>
          </cell>
          <cell r="C289" t="str">
            <v>Parks &amp; Open Spaces</v>
          </cell>
          <cell r="D289">
            <v>39904</v>
          </cell>
          <cell r="E289" t="str">
            <v>32 Weeks</v>
          </cell>
          <cell r="F289">
            <v>10764</v>
          </cell>
          <cell r="G289">
            <v>11700</v>
          </cell>
          <cell r="H289" t="str">
            <v>Regular Hire</v>
          </cell>
          <cell r="I289" t="str">
            <v>GPL</v>
          </cell>
        </row>
        <row r="290">
          <cell r="A290" t="str">
            <v>8Z021</v>
          </cell>
          <cell r="B290" t="str">
            <v>KE55NWT</v>
          </cell>
          <cell r="C290" t="str">
            <v>Parks &amp; Open Spaces</v>
          </cell>
          <cell r="D290">
            <v>39904</v>
          </cell>
          <cell r="E290" t="str">
            <v>32 Weeks</v>
          </cell>
          <cell r="F290">
            <v>10764</v>
          </cell>
          <cell r="G290">
            <v>11700</v>
          </cell>
          <cell r="H290" t="str">
            <v>Regular Hire</v>
          </cell>
          <cell r="I290" t="str">
            <v>GPL</v>
          </cell>
        </row>
        <row r="291">
          <cell r="A291" t="str">
            <v>8Z022</v>
          </cell>
          <cell r="B291" t="str">
            <v>KE55NWU</v>
          </cell>
          <cell r="C291" t="str">
            <v>Parks &amp; Open Spaces</v>
          </cell>
          <cell r="D291">
            <v>39904</v>
          </cell>
          <cell r="E291" t="str">
            <v>32 Weeks</v>
          </cell>
          <cell r="F291">
            <v>10764</v>
          </cell>
          <cell r="G291">
            <v>11700</v>
          </cell>
          <cell r="H291" t="str">
            <v>Regular Hire</v>
          </cell>
          <cell r="I291" t="str">
            <v>GPL</v>
          </cell>
        </row>
        <row r="292">
          <cell r="A292" t="str">
            <v>8Z023</v>
          </cell>
          <cell r="B292" t="str">
            <v>KE55NWX</v>
          </cell>
          <cell r="C292" t="str">
            <v>Parks &amp; Open Spaces</v>
          </cell>
          <cell r="D292">
            <v>39904</v>
          </cell>
          <cell r="E292" t="str">
            <v>32 Weeks</v>
          </cell>
          <cell r="F292">
            <v>10764</v>
          </cell>
          <cell r="G292">
            <v>11700</v>
          </cell>
          <cell r="H292" t="str">
            <v>Regular Hire</v>
          </cell>
          <cell r="I292" t="str">
            <v>GPL</v>
          </cell>
        </row>
        <row r="293">
          <cell r="A293" t="str">
            <v>8Z024</v>
          </cell>
          <cell r="B293" t="str">
            <v>KE55NWV</v>
          </cell>
          <cell r="C293" t="str">
            <v>Parks &amp; Open Spaces</v>
          </cell>
          <cell r="D293">
            <v>39904</v>
          </cell>
          <cell r="E293" t="str">
            <v>32 Weeks</v>
          </cell>
          <cell r="F293">
            <v>10764</v>
          </cell>
          <cell r="G293">
            <v>11700</v>
          </cell>
          <cell r="H293" t="str">
            <v>Regular Hire</v>
          </cell>
          <cell r="I293" t="str">
            <v>GPL</v>
          </cell>
        </row>
        <row r="294">
          <cell r="A294" t="str">
            <v>8Z025</v>
          </cell>
          <cell r="B294" t="str">
            <v>KE55NXB</v>
          </cell>
          <cell r="C294" t="str">
            <v>Parks &amp; Open Spaces</v>
          </cell>
          <cell r="D294">
            <v>39904</v>
          </cell>
          <cell r="E294" t="str">
            <v>32 Weeks</v>
          </cell>
          <cell r="F294">
            <v>10764</v>
          </cell>
          <cell r="G294">
            <v>11700</v>
          </cell>
          <cell r="H294" t="str">
            <v>Regular Hire</v>
          </cell>
          <cell r="I294" t="str">
            <v>GPL</v>
          </cell>
        </row>
        <row r="295">
          <cell r="A295" t="str">
            <v>8Z026</v>
          </cell>
          <cell r="B295" t="str">
            <v>KE55NWS</v>
          </cell>
          <cell r="C295" t="str">
            <v>Hendon Crem</v>
          </cell>
          <cell r="D295">
            <v>39904</v>
          </cell>
          <cell r="E295" t="str">
            <v>32 Weeks</v>
          </cell>
          <cell r="F295">
            <v>10661</v>
          </cell>
          <cell r="G295">
            <v>11700</v>
          </cell>
          <cell r="H295" t="str">
            <v>Regular Hire</v>
          </cell>
          <cell r="I295" t="str">
            <v>GPL</v>
          </cell>
        </row>
        <row r="296">
          <cell r="A296" t="str">
            <v>8Z102</v>
          </cell>
          <cell r="B296" t="str">
            <v>YX06FDK</v>
          </cell>
          <cell r="C296" t="str">
            <v>Parks &amp; Open Spaces</v>
          </cell>
          <cell r="D296">
            <v>40031</v>
          </cell>
          <cell r="F296">
            <v>10764</v>
          </cell>
          <cell r="H296" t="str">
            <v>Regular Hire</v>
          </cell>
          <cell r="I296" t="str">
            <v>GPL</v>
          </cell>
        </row>
        <row r="297">
          <cell r="A297" t="str">
            <v>9G011</v>
          </cell>
          <cell r="B297" t="str">
            <v>9G011</v>
          </cell>
          <cell r="C297" t="str">
            <v>Parks &amp; Open Spaces</v>
          </cell>
          <cell r="D297">
            <v>35349</v>
          </cell>
          <cell r="E297" t="str">
            <v>OFF Fleet</v>
          </cell>
          <cell r="F297">
            <v>10764</v>
          </cell>
          <cell r="G297">
            <v>0</v>
          </cell>
          <cell r="H297" t="str">
            <v>Barnet Owned</v>
          </cell>
          <cell r="I297" t="str">
            <v>N/A</v>
          </cell>
        </row>
        <row r="298">
          <cell r="A298" t="str">
            <v>9G017</v>
          </cell>
          <cell r="B298" t="str">
            <v>9G017</v>
          </cell>
          <cell r="C298" t="str">
            <v>Parks &amp; Open Spaces</v>
          </cell>
          <cell r="D298">
            <v>35528</v>
          </cell>
          <cell r="E298" t="str">
            <v>OFF Fleet</v>
          </cell>
          <cell r="F298">
            <v>10764</v>
          </cell>
          <cell r="G298">
            <v>0</v>
          </cell>
          <cell r="H298" t="str">
            <v>Barnet Owned</v>
          </cell>
          <cell r="I298" t="str">
            <v>N/A</v>
          </cell>
        </row>
        <row r="299">
          <cell r="A299" t="str">
            <v>9G018</v>
          </cell>
          <cell r="B299" t="str">
            <v>9G018</v>
          </cell>
          <cell r="C299" t="str">
            <v>Parks &amp; Open Spaces</v>
          </cell>
          <cell r="D299">
            <v>35528</v>
          </cell>
          <cell r="E299" t="str">
            <v>Barnet owned</v>
          </cell>
          <cell r="F299">
            <v>10764</v>
          </cell>
          <cell r="G299">
            <v>0</v>
          </cell>
          <cell r="H299" t="str">
            <v>Barnet Owned</v>
          </cell>
          <cell r="I299" t="str">
            <v>N/A</v>
          </cell>
        </row>
        <row r="300">
          <cell r="A300" t="str">
            <v>9G106</v>
          </cell>
          <cell r="B300" t="str">
            <v>9G106</v>
          </cell>
          <cell r="C300" t="str">
            <v>Parks &amp; Open Spaces</v>
          </cell>
          <cell r="D300">
            <v>38777</v>
          </cell>
          <cell r="E300">
            <v>40603</v>
          </cell>
          <cell r="F300">
            <v>10764</v>
          </cell>
          <cell r="G300">
            <v>9862.6058400000002</v>
          </cell>
          <cell r="H300" t="str">
            <v>Lease</v>
          </cell>
          <cell r="I300" t="str">
            <v>SFS</v>
          </cell>
        </row>
        <row r="301">
          <cell r="A301" t="str">
            <v>9G107</v>
          </cell>
          <cell r="B301" t="str">
            <v>9G107</v>
          </cell>
          <cell r="C301" t="str">
            <v>Parks &amp; Open Spaces</v>
          </cell>
          <cell r="D301">
            <v>38777</v>
          </cell>
          <cell r="E301">
            <v>40603</v>
          </cell>
          <cell r="F301">
            <v>10764</v>
          </cell>
          <cell r="G301">
            <v>9862.6058400000002</v>
          </cell>
          <cell r="H301" t="str">
            <v>Lease</v>
          </cell>
          <cell r="I301" t="str">
            <v>SFS</v>
          </cell>
        </row>
        <row r="302">
          <cell r="A302" t="str">
            <v>9G108</v>
          </cell>
          <cell r="B302" t="str">
            <v>9G108</v>
          </cell>
          <cell r="C302" t="str">
            <v>Parks &amp; Open Spaces</v>
          </cell>
          <cell r="D302">
            <v>38777</v>
          </cell>
          <cell r="E302">
            <v>40603</v>
          </cell>
          <cell r="F302">
            <v>10764</v>
          </cell>
          <cell r="G302">
            <v>9862.6058400000002</v>
          </cell>
          <cell r="H302" t="str">
            <v>Lease</v>
          </cell>
          <cell r="I302" t="str">
            <v>SFS</v>
          </cell>
        </row>
        <row r="303">
          <cell r="A303" t="str">
            <v>9G109</v>
          </cell>
          <cell r="B303" t="str">
            <v>9G109</v>
          </cell>
          <cell r="C303" t="str">
            <v>Parks &amp; Open Spaces</v>
          </cell>
          <cell r="D303">
            <v>38777</v>
          </cell>
          <cell r="E303">
            <v>40603</v>
          </cell>
          <cell r="F303">
            <v>10764</v>
          </cell>
          <cell r="G303">
            <v>9862.6058400000002</v>
          </cell>
          <cell r="H303" t="str">
            <v>Lease</v>
          </cell>
          <cell r="I303" t="str">
            <v>SFS</v>
          </cell>
        </row>
        <row r="304">
          <cell r="A304" t="str">
            <v>9G110</v>
          </cell>
          <cell r="B304" t="str">
            <v>9G110</v>
          </cell>
          <cell r="C304" t="str">
            <v>Parks &amp; Open Spaces</v>
          </cell>
          <cell r="D304">
            <v>38777</v>
          </cell>
          <cell r="E304">
            <v>40603</v>
          </cell>
          <cell r="F304">
            <v>10764</v>
          </cell>
          <cell r="G304">
            <v>9862.6058400000002</v>
          </cell>
          <cell r="H304" t="str">
            <v>Lease</v>
          </cell>
          <cell r="I304" t="str">
            <v>SFS</v>
          </cell>
        </row>
        <row r="305">
          <cell r="A305" t="str">
            <v>9G111</v>
          </cell>
          <cell r="B305" t="str">
            <v>9G111</v>
          </cell>
          <cell r="C305" t="str">
            <v>Parks &amp; Open Spaces</v>
          </cell>
          <cell r="D305">
            <v>38777</v>
          </cell>
          <cell r="E305">
            <v>40603</v>
          </cell>
          <cell r="F305">
            <v>10764</v>
          </cell>
          <cell r="G305">
            <v>9862.6058400000002</v>
          </cell>
          <cell r="H305" t="str">
            <v>Lease</v>
          </cell>
          <cell r="I305" t="str">
            <v>SFS</v>
          </cell>
        </row>
        <row r="306">
          <cell r="A306" t="str">
            <v>9J002</v>
          </cell>
          <cell r="B306" t="str">
            <v>9J002</v>
          </cell>
          <cell r="C306" t="str">
            <v>Street Scene - Refuse</v>
          </cell>
          <cell r="D306">
            <v>38170</v>
          </cell>
          <cell r="E306" t="str">
            <v>Barnet owned</v>
          </cell>
          <cell r="F306">
            <v>10655</v>
          </cell>
          <cell r="G306">
            <v>0</v>
          </cell>
          <cell r="H306" t="str">
            <v>Barnet Owned</v>
          </cell>
          <cell r="I306" t="str">
            <v>N/A</v>
          </cell>
        </row>
        <row r="307">
          <cell r="A307" t="str">
            <v>9J003</v>
          </cell>
          <cell r="B307" t="str">
            <v>9J003</v>
          </cell>
          <cell r="C307" t="str">
            <v>Street Scene - Refuse</v>
          </cell>
          <cell r="D307">
            <v>38170</v>
          </cell>
          <cell r="E307" t="str">
            <v>Barnet owned</v>
          </cell>
          <cell r="F307">
            <v>10655</v>
          </cell>
          <cell r="G307">
            <v>0</v>
          </cell>
          <cell r="H307" t="str">
            <v>Barnet Owned</v>
          </cell>
          <cell r="I307" t="str">
            <v>N/A</v>
          </cell>
        </row>
        <row r="308">
          <cell r="A308" t="str">
            <v>9J004</v>
          </cell>
          <cell r="B308" t="str">
            <v>9J004</v>
          </cell>
          <cell r="C308" t="str">
            <v>Street Scene - Refuse</v>
          </cell>
          <cell r="D308">
            <v>38273</v>
          </cell>
          <cell r="E308" t="str">
            <v>Barnet owned</v>
          </cell>
          <cell r="F308">
            <v>10655</v>
          </cell>
          <cell r="G308">
            <v>0</v>
          </cell>
          <cell r="H308" t="str">
            <v>Barnet Owned</v>
          </cell>
          <cell r="I308" t="str">
            <v>N/A</v>
          </cell>
        </row>
        <row r="309">
          <cell r="A309" t="str">
            <v>9N550</v>
          </cell>
          <cell r="B309" t="str">
            <v>9N550</v>
          </cell>
          <cell r="C309" t="str">
            <v>Parks &amp; Open Spaces</v>
          </cell>
          <cell r="D309">
            <v>35121</v>
          </cell>
          <cell r="E309" t="str">
            <v>Barnet owned</v>
          </cell>
          <cell r="F309">
            <v>10764</v>
          </cell>
          <cell r="G309">
            <v>0</v>
          </cell>
          <cell r="H309" t="str">
            <v>Barnet Owned</v>
          </cell>
          <cell r="I309" t="str">
            <v>N/A</v>
          </cell>
        </row>
        <row r="310">
          <cell r="A310" t="str">
            <v>9N553</v>
          </cell>
          <cell r="B310" t="str">
            <v>9N553</v>
          </cell>
          <cell r="C310" t="str">
            <v>Parks &amp; Open Spaces</v>
          </cell>
          <cell r="D310" t="str">
            <v>N/A</v>
          </cell>
          <cell r="E310" t="str">
            <v>Barnet Owned</v>
          </cell>
          <cell r="F310">
            <v>10764</v>
          </cell>
          <cell r="G310">
            <v>0</v>
          </cell>
          <cell r="H310" t="str">
            <v>Barnet Owned</v>
          </cell>
          <cell r="I310" t="str">
            <v>N/A</v>
          </cell>
        </row>
        <row r="311">
          <cell r="A311" t="str">
            <v>9N554</v>
          </cell>
          <cell r="B311" t="str">
            <v>9N554</v>
          </cell>
          <cell r="C311" t="str">
            <v>Parks &amp; Open Spaces</v>
          </cell>
          <cell r="D311">
            <v>35353</v>
          </cell>
          <cell r="E311" t="str">
            <v>Barnet owned</v>
          </cell>
          <cell r="F311">
            <v>10764</v>
          </cell>
          <cell r="G311">
            <v>0</v>
          </cell>
          <cell r="H311" t="str">
            <v>Barnet Owned</v>
          </cell>
          <cell r="I311" t="str">
            <v>N/A</v>
          </cell>
        </row>
        <row r="312">
          <cell r="A312" t="str">
            <v>9N555</v>
          </cell>
          <cell r="B312" t="str">
            <v>9N555</v>
          </cell>
          <cell r="C312" t="str">
            <v>Parks &amp; Open Spaces</v>
          </cell>
          <cell r="D312">
            <v>35353</v>
          </cell>
          <cell r="E312" t="str">
            <v>Barnet owned</v>
          </cell>
          <cell r="F312">
            <v>10764</v>
          </cell>
          <cell r="G312">
            <v>0</v>
          </cell>
          <cell r="H312" t="str">
            <v>Barnet Owned</v>
          </cell>
          <cell r="I312" t="str">
            <v>N/A</v>
          </cell>
        </row>
        <row r="313">
          <cell r="A313" t="str">
            <v>9N605</v>
          </cell>
          <cell r="B313" t="str">
            <v>9N605</v>
          </cell>
          <cell r="C313" t="str">
            <v>Parks &amp; Open Spaces</v>
          </cell>
          <cell r="D313">
            <v>37027</v>
          </cell>
          <cell r="E313" t="str">
            <v>Barnet owned</v>
          </cell>
          <cell r="F313">
            <v>10764</v>
          </cell>
          <cell r="G313">
            <v>0</v>
          </cell>
          <cell r="H313" t="str">
            <v>Barnet Owned</v>
          </cell>
          <cell r="I313" t="str">
            <v>N/A</v>
          </cell>
        </row>
        <row r="314">
          <cell r="A314" t="str">
            <v>9N606</v>
          </cell>
          <cell r="B314" t="str">
            <v>9N606</v>
          </cell>
          <cell r="C314" t="str">
            <v>Parks &amp; Open Spaces</v>
          </cell>
          <cell r="D314">
            <v>37028</v>
          </cell>
          <cell r="E314" t="str">
            <v>Barnet owned</v>
          </cell>
          <cell r="F314">
            <v>10764</v>
          </cell>
          <cell r="G314">
            <v>0</v>
          </cell>
          <cell r="H314" t="str">
            <v>Barnet Owned</v>
          </cell>
          <cell r="I314" t="str">
            <v>N/A</v>
          </cell>
        </row>
        <row r="315">
          <cell r="A315" t="str">
            <v>9N607</v>
          </cell>
          <cell r="B315" t="str">
            <v>9N607</v>
          </cell>
          <cell r="C315" t="str">
            <v>Parks &amp; Open Spaces</v>
          </cell>
          <cell r="D315">
            <v>37030</v>
          </cell>
          <cell r="E315" t="str">
            <v>Barnet owned</v>
          </cell>
          <cell r="F315">
            <v>10764</v>
          </cell>
          <cell r="G315">
            <v>0</v>
          </cell>
          <cell r="H315" t="str">
            <v>Barnet Owned</v>
          </cell>
          <cell r="I315" t="str">
            <v>N/A</v>
          </cell>
        </row>
        <row r="316">
          <cell r="A316" t="str">
            <v>9N608</v>
          </cell>
          <cell r="B316" t="str">
            <v>9N608</v>
          </cell>
          <cell r="C316" t="str">
            <v>Parks &amp; Open Spaces</v>
          </cell>
          <cell r="D316">
            <v>37060</v>
          </cell>
          <cell r="E316" t="str">
            <v>Barnet owned</v>
          </cell>
          <cell r="F316">
            <v>10764</v>
          </cell>
          <cell r="G316">
            <v>0</v>
          </cell>
          <cell r="H316" t="str">
            <v>Barnet Owned</v>
          </cell>
          <cell r="I316" t="str">
            <v>N/A</v>
          </cell>
        </row>
        <row r="317">
          <cell r="A317" t="str">
            <v>9N609</v>
          </cell>
          <cell r="B317" t="str">
            <v>9N609</v>
          </cell>
          <cell r="C317" t="str">
            <v>Parks &amp; Open Spaces</v>
          </cell>
          <cell r="D317">
            <v>37060</v>
          </cell>
          <cell r="E317" t="str">
            <v>Barnet owned</v>
          </cell>
          <cell r="F317">
            <v>10764</v>
          </cell>
          <cell r="G317">
            <v>0</v>
          </cell>
          <cell r="H317" t="str">
            <v>Barnet Owned</v>
          </cell>
          <cell r="I317" t="str">
            <v>N/A</v>
          </cell>
        </row>
        <row r="318">
          <cell r="A318" t="str">
            <v>9N611</v>
          </cell>
          <cell r="B318" t="str">
            <v>9N611</v>
          </cell>
          <cell r="C318" t="str">
            <v>Parks &amp; Open Spaces</v>
          </cell>
          <cell r="D318">
            <v>37060</v>
          </cell>
          <cell r="E318" t="str">
            <v>Barnet owned</v>
          </cell>
          <cell r="F318">
            <v>10764</v>
          </cell>
          <cell r="G318">
            <v>0</v>
          </cell>
          <cell r="H318" t="str">
            <v>Barnet Owned</v>
          </cell>
          <cell r="I318" t="str">
            <v>N/A</v>
          </cell>
        </row>
        <row r="319">
          <cell r="A319" t="str">
            <v>9N612</v>
          </cell>
          <cell r="B319" t="str">
            <v>9N612</v>
          </cell>
          <cell r="C319" t="str">
            <v>Parks &amp; Open Spaces</v>
          </cell>
          <cell r="D319">
            <v>37060</v>
          </cell>
          <cell r="E319" t="str">
            <v>Barnet owned</v>
          </cell>
          <cell r="F319">
            <v>10764</v>
          </cell>
          <cell r="G319">
            <v>0</v>
          </cell>
          <cell r="H319" t="str">
            <v>Barnet Owned</v>
          </cell>
          <cell r="I319" t="str">
            <v>N/A</v>
          </cell>
        </row>
        <row r="320">
          <cell r="A320" t="str">
            <v>9N613</v>
          </cell>
          <cell r="B320" t="str">
            <v>9N613</v>
          </cell>
          <cell r="C320" t="str">
            <v>Parks &amp; Open Spaces</v>
          </cell>
          <cell r="D320">
            <v>37060</v>
          </cell>
          <cell r="E320" t="str">
            <v>Barnet owned</v>
          </cell>
          <cell r="F320">
            <v>10764</v>
          </cell>
          <cell r="G320">
            <v>0</v>
          </cell>
          <cell r="H320" t="str">
            <v>Barnet Owned</v>
          </cell>
          <cell r="I320" t="str">
            <v>N/A</v>
          </cell>
        </row>
        <row r="321">
          <cell r="A321" t="str">
            <v>9N614</v>
          </cell>
          <cell r="B321" t="str">
            <v>9N614</v>
          </cell>
          <cell r="C321" t="str">
            <v>Parks &amp; Open Spaces</v>
          </cell>
          <cell r="D321">
            <v>37060</v>
          </cell>
          <cell r="E321" t="str">
            <v>Barnet owned</v>
          </cell>
          <cell r="F321">
            <v>10764</v>
          </cell>
          <cell r="G321">
            <v>0</v>
          </cell>
          <cell r="H321" t="str">
            <v>Barnet Owned</v>
          </cell>
          <cell r="I321" t="str">
            <v>N/A</v>
          </cell>
        </row>
        <row r="322">
          <cell r="A322" t="str">
            <v>9N615</v>
          </cell>
          <cell r="B322" t="str">
            <v>9N615</v>
          </cell>
          <cell r="C322" t="str">
            <v>Barnet Homes - Caretakers</v>
          </cell>
          <cell r="D322">
            <v>37370</v>
          </cell>
          <cell r="E322" t="str">
            <v>Barnet owned</v>
          </cell>
          <cell r="F322">
            <v>10764</v>
          </cell>
          <cell r="G322">
            <v>0</v>
          </cell>
          <cell r="H322" t="str">
            <v>Barnet Owned</v>
          </cell>
          <cell r="I322" t="str">
            <v>N/A</v>
          </cell>
        </row>
        <row r="323">
          <cell r="A323" t="str">
            <v>9N616</v>
          </cell>
          <cell r="B323" t="str">
            <v>9N616</v>
          </cell>
          <cell r="C323" t="str">
            <v>Parks &amp; Open Spaces</v>
          </cell>
          <cell r="E323" t="str">
            <v>Barnet Owned</v>
          </cell>
          <cell r="F323">
            <v>10764</v>
          </cell>
          <cell r="G323">
            <v>0</v>
          </cell>
          <cell r="H323" t="str">
            <v>Barnet Owned</v>
          </cell>
          <cell r="I323" t="str">
            <v>N/A</v>
          </cell>
        </row>
        <row r="324">
          <cell r="A324" t="str">
            <v>9N623</v>
          </cell>
          <cell r="B324" t="str">
            <v>9N623</v>
          </cell>
          <cell r="C324" t="str">
            <v>Street Scene - Cleansing</v>
          </cell>
          <cell r="D324">
            <v>37230</v>
          </cell>
          <cell r="E324" t="str">
            <v>Barnet owned</v>
          </cell>
          <cell r="F324">
            <v>10652</v>
          </cell>
          <cell r="G324">
            <v>0</v>
          </cell>
          <cell r="H324" t="str">
            <v>Barnet Owned</v>
          </cell>
          <cell r="I324" t="str">
            <v>N/A</v>
          </cell>
        </row>
        <row r="325">
          <cell r="A325" t="str">
            <v xml:space="preserve">9N624 </v>
          </cell>
          <cell r="B325" t="str">
            <v xml:space="preserve">9N624 </v>
          </cell>
          <cell r="C325" t="str">
            <v>Street Scene - Cleansing</v>
          </cell>
          <cell r="D325">
            <v>37510</v>
          </cell>
          <cell r="E325" t="str">
            <v>Barnet owned</v>
          </cell>
          <cell r="F325">
            <v>10652</v>
          </cell>
          <cell r="G325">
            <v>0</v>
          </cell>
          <cell r="H325" t="str">
            <v>Barnet Owned</v>
          </cell>
          <cell r="I325" t="str">
            <v>N/A</v>
          </cell>
        </row>
        <row r="326">
          <cell r="A326" t="str">
            <v>9N625</v>
          </cell>
          <cell r="B326" t="str">
            <v>9N625</v>
          </cell>
          <cell r="C326" t="str">
            <v>Parks &amp; Open Spaces</v>
          </cell>
          <cell r="D326">
            <v>37691</v>
          </cell>
          <cell r="E326" t="str">
            <v>Barnet owned</v>
          </cell>
          <cell r="F326">
            <v>10764</v>
          </cell>
          <cell r="G326">
            <v>0</v>
          </cell>
          <cell r="H326" t="str">
            <v>Barnet Owned</v>
          </cell>
          <cell r="I326" t="str">
            <v>N/A</v>
          </cell>
        </row>
        <row r="327">
          <cell r="A327" t="str">
            <v>9N626</v>
          </cell>
          <cell r="B327" t="str">
            <v>9N626</v>
          </cell>
          <cell r="C327" t="str">
            <v>Parks &amp; Open Spaces</v>
          </cell>
          <cell r="D327">
            <v>37691</v>
          </cell>
          <cell r="E327" t="str">
            <v>Barnet owned</v>
          </cell>
          <cell r="F327">
            <v>10764</v>
          </cell>
          <cell r="G327">
            <v>0</v>
          </cell>
          <cell r="H327" t="str">
            <v>Barnet Owned</v>
          </cell>
          <cell r="I327" t="str">
            <v>N/A</v>
          </cell>
        </row>
        <row r="328">
          <cell r="A328" t="str">
            <v>9N627</v>
          </cell>
          <cell r="B328" t="str">
            <v>9N627</v>
          </cell>
          <cell r="C328" t="str">
            <v>Street Scene - Cleansing</v>
          </cell>
          <cell r="D328">
            <v>37773</v>
          </cell>
          <cell r="E328" t="str">
            <v>Barnet owned</v>
          </cell>
          <cell r="F328">
            <v>10652</v>
          </cell>
          <cell r="G328">
            <v>0</v>
          </cell>
          <cell r="H328" t="str">
            <v>Barnet Owned</v>
          </cell>
          <cell r="I328" t="str">
            <v>N/A</v>
          </cell>
        </row>
        <row r="329">
          <cell r="A329" t="str">
            <v>9N628</v>
          </cell>
          <cell r="B329" t="str">
            <v>9N628</v>
          </cell>
          <cell r="C329" t="str">
            <v>Street Scene - Refuse</v>
          </cell>
          <cell r="D329">
            <v>38272</v>
          </cell>
          <cell r="E329" t="str">
            <v>Barnet owned</v>
          </cell>
          <cell r="F329">
            <v>10655</v>
          </cell>
          <cell r="G329">
            <v>0</v>
          </cell>
          <cell r="H329" t="str">
            <v>Barnet Owned</v>
          </cell>
          <cell r="I329" t="str">
            <v>N/A</v>
          </cell>
        </row>
        <row r="330">
          <cell r="A330" t="str">
            <v>9N629</v>
          </cell>
          <cell r="B330" t="str">
            <v>9N629</v>
          </cell>
          <cell r="C330" t="str">
            <v>Street Scene - Cleansing</v>
          </cell>
          <cell r="D330">
            <v>38498</v>
          </cell>
          <cell r="E330" t="str">
            <v>Barnet owned</v>
          </cell>
          <cell r="F330">
            <v>10655</v>
          </cell>
          <cell r="G330">
            <v>0</v>
          </cell>
          <cell r="H330" t="str">
            <v>Barnet Owned</v>
          </cell>
          <cell r="I330" t="str">
            <v>N/A</v>
          </cell>
        </row>
        <row r="331">
          <cell r="A331" t="str">
            <v>9N630</v>
          </cell>
          <cell r="B331" t="str">
            <v>9N630</v>
          </cell>
          <cell r="C331" t="str">
            <v>Parks &amp; Open Spaces</v>
          </cell>
          <cell r="D331">
            <v>38500</v>
          </cell>
          <cell r="E331" t="str">
            <v>Barnet owned</v>
          </cell>
          <cell r="F331">
            <v>10764</v>
          </cell>
          <cell r="G331">
            <v>0</v>
          </cell>
          <cell r="H331" t="str">
            <v>Barnet Owned</v>
          </cell>
          <cell r="I331" t="str">
            <v>N/A</v>
          </cell>
        </row>
        <row r="332">
          <cell r="A332" t="str">
            <v>9N631</v>
          </cell>
          <cell r="B332" t="str">
            <v>9N631</v>
          </cell>
          <cell r="C332" t="str">
            <v>Parks &amp; Open Spaces</v>
          </cell>
          <cell r="D332">
            <v>38755</v>
          </cell>
          <cell r="E332" t="str">
            <v>Barnet owned</v>
          </cell>
          <cell r="F332">
            <v>10764</v>
          </cell>
          <cell r="G332">
            <v>0</v>
          </cell>
          <cell r="H332" t="str">
            <v>Barnet Owned</v>
          </cell>
          <cell r="I332" t="str">
            <v>N/A</v>
          </cell>
        </row>
        <row r="333">
          <cell r="A333" t="str">
            <v>9N632</v>
          </cell>
          <cell r="B333" t="str">
            <v>9N632</v>
          </cell>
          <cell r="C333" t="str">
            <v>Parks &amp; Open Spaces</v>
          </cell>
          <cell r="D333">
            <v>3912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</row>
        <row r="334">
          <cell r="A334" t="str">
            <v>9N633</v>
          </cell>
          <cell r="B334" t="str">
            <v>9N633</v>
          </cell>
          <cell r="C334" t="str">
            <v>Street Scene - Cleansing</v>
          </cell>
          <cell r="D334">
            <v>38500</v>
          </cell>
          <cell r="E334" t="str">
            <v>Barnet owned</v>
          </cell>
          <cell r="F334">
            <v>10652</v>
          </cell>
          <cell r="G334">
            <v>0</v>
          </cell>
          <cell r="H334" t="str">
            <v>Barnet Owned</v>
          </cell>
          <cell r="I334" t="str">
            <v>N/A</v>
          </cell>
        </row>
        <row r="335">
          <cell r="A335" t="str">
            <v>9N634</v>
          </cell>
          <cell r="B335" t="str">
            <v>9N634</v>
          </cell>
          <cell r="C335" t="str">
            <v>Barnet Homes - Caretakers</v>
          </cell>
          <cell r="D335">
            <v>38880</v>
          </cell>
          <cell r="E335" t="str">
            <v>Barnet owned</v>
          </cell>
          <cell r="F335" t="str">
            <v>External</v>
          </cell>
          <cell r="G335">
            <v>0</v>
          </cell>
          <cell r="H335" t="str">
            <v>Barnet Owned</v>
          </cell>
          <cell r="I335" t="str">
            <v>N/A</v>
          </cell>
        </row>
        <row r="336">
          <cell r="A336" t="str">
            <v>9N635</v>
          </cell>
          <cell r="B336" t="str">
            <v>9N635</v>
          </cell>
          <cell r="C336" t="str">
            <v>Parks &amp; Open Spaces</v>
          </cell>
          <cell r="D336">
            <v>39188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</row>
        <row r="337">
          <cell r="A337" t="str">
            <v>9N636</v>
          </cell>
          <cell r="B337" t="str">
            <v>9N636</v>
          </cell>
          <cell r="C337" t="str">
            <v>Parks &amp; Open Spaces</v>
          </cell>
          <cell r="D337">
            <v>39188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</row>
        <row r="338">
          <cell r="A338" t="str">
            <v>9N637</v>
          </cell>
          <cell r="B338" t="str">
            <v>9N637</v>
          </cell>
          <cell r="C338" t="str">
            <v>Parks &amp; Open Spaces</v>
          </cell>
          <cell r="D338" t="str">
            <v>N/A</v>
          </cell>
          <cell r="E338" t="str">
            <v>Barnet Owned</v>
          </cell>
          <cell r="F338">
            <v>10764</v>
          </cell>
          <cell r="G338">
            <v>0</v>
          </cell>
          <cell r="H338" t="str">
            <v>Barnet Owned</v>
          </cell>
          <cell r="I338" t="str">
            <v>N/A</v>
          </cell>
        </row>
        <row r="339">
          <cell r="A339" t="str">
            <v>9P006</v>
          </cell>
          <cell r="B339" t="str">
            <v>9P006</v>
          </cell>
          <cell r="C339" t="str">
            <v>Street Scene - Cleansing</v>
          </cell>
          <cell r="D339">
            <v>39018</v>
          </cell>
          <cell r="E339" t="str">
            <v>Barnet owned</v>
          </cell>
          <cell r="F339">
            <v>10652</v>
          </cell>
          <cell r="G339">
            <v>0</v>
          </cell>
          <cell r="H339" t="str">
            <v>Barnet Owned</v>
          </cell>
          <cell r="I339" t="str">
            <v>N/A</v>
          </cell>
        </row>
        <row r="340">
          <cell r="A340" t="str">
            <v>9P007</v>
          </cell>
          <cell r="B340" t="str">
            <v>9P007</v>
          </cell>
          <cell r="C340" t="str">
            <v>Street Scene - Cleansing</v>
          </cell>
          <cell r="D340">
            <v>39018</v>
          </cell>
          <cell r="E340" t="str">
            <v>Barnet owned</v>
          </cell>
          <cell r="F340">
            <v>10652</v>
          </cell>
          <cell r="G340">
            <v>0</v>
          </cell>
          <cell r="H340" t="str">
            <v>Barnet Owned</v>
          </cell>
          <cell r="I340" t="str">
            <v>N/A</v>
          </cell>
        </row>
        <row r="341">
          <cell r="A341" t="str">
            <v>9P008</v>
          </cell>
          <cell r="B341" t="str">
            <v>9P008</v>
          </cell>
          <cell r="C341" t="str">
            <v>Parks &amp; Open Spaces</v>
          </cell>
          <cell r="D341">
            <v>39090</v>
          </cell>
          <cell r="E341" t="str">
            <v>Barnet owned</v>
          </cell>
          <cell r="F341">
            <v>10764</v>
          </cell>
          <cell r="G341">
            <v>0</v>
          </cell>
          <cell r="H341" t="str">
            <v>Barnet Owned</v>
          </cell>
          <cell r="I341" t="str">
            <v>N/A</v>
          </cell>
        </row>
        <row r="342">
          <cell r="A342" t="str">
            <v>9P009</v>
          </cell>
          <cell r="B342" t="str">
            <v>9P009</v>
          </cell>
          <cell r="C342" t="str">
            <v>Parks &amp; Open Spaces</v>
          </cell>
          <cell r="D342">
            <v>39090</v>
          </cell>
          <cell r="E342" t="str">
            <v>Barnet owned</v>
          </cell>
          <cell r="F342">
            <v>10764</v>
          </cell>
          <cell r="G342">
            <v>0</v>
          </cell>
          <cell r="H342" t="str">
            <v>Barnet Owned</v>
          </cell>
          <cell r="I342" t="str">
            <v>N/A</v>
          </cell>
        </row>
        <row r="343">
          <cell r="A343" t="str">
            <v>9P010</v>
          </cell>
          <cell r="B343" t="str">
            <v>9P010</v>
          </cell>
          <cell r="C343" t="str">
            <v>Street Scene - Cleansing</v>
          </cell>
          <cell r="D343">
            <v>39155</v>
          </cell>
          <cell r="E343" t="str">
            <v>Barnet owned</v>
          </cell>
          <cell r="F343">
            <v>10652</v>
          </cell>
          <cell r="G343">
            <v>0</v>
          </cell>
          <cell r="H343" t="str">
            <v>Barnet Owned</v>
          </cell>
          <cell r="I343" t="str">
            <v>N/A</v>
          </cell>
        </row>
        <row r="344">
          <cell r="A344" t="str">
            <v>9P011</v>
          </cell>
          <cell r="B344" t="str">
            <v>9P011</v>
          </cell>
          <cell r="C344" t="str">
            <v>Street Scene - Cleansing</v>
          </cell>
          <cell r="D344">
            <v>39155</v>
          </cell>
          <cell r="E344" t="str">
            <v>Barnet owned</v>
          </cell>
          <cell r="F344">
            <v>10652</v>
          </cell>
          <cell r="G344">
            <v>0</v>
          </cell>
          <cell r="H344" t="str">
            <v>Barnet Owned</v>
          </cell>
          <cell r="I344" t="str">
            <v>N/A</v>
          </cell>
        </row>
        <row r="345">
          <cell r="A345" t="str">
            <v>9Z001</v>
          </cell>
          <cell r="B345">
            <v>61062</v>
          </cell>
          <cell r="C345" t="str">
            <v>Street Scene - Cleansing</v>
          </cell>
          <cell r="D345">
            <v>40122</v>
          </cell>
          <cell r="E345" t="str">
            <v>12 week min</v>
          </cell>
          <cell r="F345">
            <v>10652</v>
          </cell>
          <cell r="H345" t="str">
            <v>Ad Hoc Hire</v>
          </cell>
          <cell r="I345" t="str">
            <v>GPL</v>
          </cell>
        </row>
        <row r="346">
          <cell r="A346" t="str">
            <v>9Z002</v>
          </cell>
          <cell r="B346" t="str">
            <v>9Z002</v>
          </cell>
          <cell r="C346" t="str">
            <v>Parks &amp; Open Spaces</v>
          </cell>
          <cell r="D346">
            <v>40138</v>
          </cell>
          <cell r="F346">
            <v>10764</v>
          </cell>
          <cell r="H346" t="str">
            <v>Ad Hoc Hire</v>
          </cell>
          <cell r="I346" t="str">
            <v>GPL</v>
          </cell>
        </row>
      </sheetData>
      <sheetData sheetId="1">
        <row r="4">
          <cell r="A4" t="str">
            <v>Registration No</v>
          </cell>
        </row>
      </sheetData>
      <sheetData sheetId="2"/>
      <sheetData sheetId="3"/>
      <sheetData sheetId="4"/>
      <sheetData sheetId="5"/>
      <sheetData sheetId="6">
        <row r="4">
          <cell r="A4" t="str">
            <v>Registration No</v>
          </cell>
        </row>
      </sheetData>
      <sheetData sheetId="7">
        <row r="4">
          <cell r="A4" t="str">
            <v>Registration No</v>
          </cell>
          <cell r="B4" t="str">
            <v>Fleet Number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Annual Cost</v>
          </cell>
          <cell r="H4" t="str">
            <v>Contract Type</v>
          </cell>
          <cell r="I4" t="str">
            <v>Hired From</v>
          </cell>
          <cell r="J4" t="str">
            <v>Vehicle Description</v>
          </cell>
        </row>
        <row r="5">
          <cell r="A5">
            <v>61062</v>
          </cell>
          <cell r="B5" t="str">
            <v>9Z001</v>
          </cell>
          <cell r="C5" t="str">
            <v>Street Scene - Cleansing</v>
          </cell>
          <cell r="D5">
            <v>40122</v>
          </cell>
          <cell r="E5" t="str">
            <v>12 week min</v>
          </cell>
          <cell r="F5">
            <v>10652</v>
          </cell>
          <cell r="H5" t="str">
            <v>Ad Hoc Hire</v>
          </cell>
          <cell r="I5" t="str">
            <v>GPL</v>
          </cell>
          <cell r="J5" t="str">
            <v>Trilo SU40B Truck Loader</v>
          </cell>
        </row>
        <row r="6">
          <cell r="A6" t="str">
            <v>3P002</v>
          </cell>
          <cell r="B6" t="str">
            <v>3P002</v>
          </cell>
          <cell r="C6" t="str">
            <v>Colindale Police</v>
          </cell>
          <cell r="D6">
            <v>37336</v>
          </cell>
          <cell r="E6" t="str">
            <v>Barnet Owned</v>
          </cell>
          <cell r="F6">
            <v>10996</v>
          </cell>
          <cell r="G6">
            <v>0</v>
          </cell>
          <cell r="H6" t="str">
            <v>Barnet Owned</v>
          </cell>
          <cell r="I6" t="str">
            <v>N/A</v>
          </cell>
          <cell r="J6" t="str">
            <v>Trailer</v>
          </cell>
        </row>
        <row r="7">
          <cell r="A7" t="str">
            <v>8W029</v>
          </cell>
          <cell r="B7" t="str">
            <v>8W029</v>
          </cell>
          <cell r="C7" t="str">
            <v>Hendon Crem</v>
          </cell>
          <cell r="D7">
            <v>38982</v>
          </cell>
          <cell r="F7">
            <v>10661</v>
          </cell>
          <cell r="G7">
            <v>2281.6177600000001</v>
          </cell>
          <cell r="H7" t="str">
            <v>Lease</v>
          </cell>
          <cell r="I7" t="str">
            <v>SFS</v>
          </cell>
          <cell r="J7" t="str">
            <v>Kubota G2160 Ride on</v>
          </cell>
        </row>
        <row r="8">
          <cell r="A8" t="str">
            <v>9G011</v>
          </cell>
          <cell r="B8" t="str">
            <v>9G011</v>
          </cell>
          <cell r="C8" t="str">
            <v>Parks &amp; Open Spaces</v>
          </cell>
          <cell r="D8">
            <v>35349</v>
          </cell>
          <cell r="E8" t="str">
            <v>OFF Fleet</v>
          </cell>
          <cell r="F8">
            <v>10764</v>
          </cell>
          <cell r="G8">
            <v>0</v>
          </cell>
          <cell r="H8" t="str">
            <v>Barnet Owned</v>
          </cell>
          <cell r="I8" t="str">
            <v>N/A</v>
          </cell>
          <cell r="J8" t="str">
            <v xml:space="preserve">Lloyds 5 Gang Mower  </v>
          </cell>
        </row>
        <row r="9">
          <cell r="A9" t="str">
            <v>9G017</v>
          </cell>
          <cell r="B9" t="str">
            <v>9G017</v>
          </cell>
          <cell r="C9" t="str">
            <v>Parks &amp; Open Spaces</v>
          </cell>
          <cell r="D9">
            <v>35528</v>
          </cell>
          <cell r="E9" t="str">
            <v>OFF Fleet</v>
          </cell>
          <cell r="F9">
            <v>10764</v>
          </cell>
          <cell r="G9">
            <v>0</v>
          </cell>
          <cell r="H9" t="str">
            <v>Barnet Owned</v>
          </cell>
          <cell r="I9" t="str">
            <v>N/A</v>
          </cell>
          <cell r="J9" t="str">
            <v>Hayter 7Gang Mower</v>
          </cell>
        </row>
        <row r="10">
          <cell r="A10" t="str">
            <v>9G018</v>
          </cell>
          <cell r="B10" t="str">
            <v>9G018</v>
          </cell>
          <cell r="C10" t="str">
            <v>Parks &amp; Open Spaces</v>
          </cell>
          <cell r="D10">
            <v>35528</v>
          </cell>
          <cell r="E10" t="str">
            <v>Barnet owned</v>
          </cell>
          <cell r="F10">
            <v>10764</v>
          </cell>
          <cell r="G10">
            <v>0</v>
          </cell>
          <cell r="H10" t="str">
            <v>Barnet Owned</v>
          </cell>
          <cell r="I10" t="str">
            <v>N/A</v>
          </cell>
          <cell r="J10" t="str">
            <v>Amazon Lift &amp; Cut</v>
          </cell>
        </row>
        <row r="11">
          <cell r="A11" t="str">
            <v>9G106</v>
          </cell>
          <cell r="B11" t="str">
            <v>9G106</v>
          </cell>
          <cell r="C11" t="str">
            <v>Parks &amp; Open Spaces</v>
          </cell>
          <cell r="D11">
            <v>38777</v>
          </cell>
          <cell r="E11">
            <v>40603</v>
          </cell>
          <cell r="F11">
            <v>10764</v>
          </cell>
          <cell r="G11">
            <v>9862.6058400000002</v>
          </cell>
          <cell r="H11" t="str">
            <v>Lease</v>
          </cell>
          <cell r="I11" t="str">
            <v>SFS</v>
          </cell>
          <cell r="J11" t="str">
            <v>Hayter 7Gang Mower</v>
          </cell>
        </row>
        <row r="12">
          <cell r="A12" t="str">
            <v>9G107</v>
          </cell>
          <cell r="B12" t="str">
            <v>9G107</v>
          </cell>
          <cell r="C12" t="str">
            <v>Parks &amp; Open Spaces</v>
          </cell>
          <cell r="D12">
            <v>38777</v>
          </cell>
          <cell r="E12">
            <v>40603</v>
          </cell>
          <cell r="F12">
            <v>10764</v>
          </cell>
          <cell r="G12">
            <v>9862.6058400000002</v>
          </cell>
          <cell r="H12" t="str">
            <v>Lease</v>
          </cell>
          <cell r="I12" t="str">
            <v>SFS</v>
          </cell>
          <cell r="J12" t="str">
            <v>Hayter 7Gang Mower</v>
          </cell>
        </row>
        <row r="13">
          <cell r="A13" t="str">
            <v>9G108</v>
          </cell>
          <cell r="B13" t="str">
            <v>9G108</v>
          </cell>
          <cell r="C13" t="str">
            <v>Parks &amp; Open Spaces</v>
          </cell>
          <cell r="D13">
            <v>38777</v>
          </cell>
          <cell r="E13">
            <v>40603</v>
          </cell>
          <cell r="F13">
            <v>10764</v>
          </cell>
          <cell r="G13">
            <v>9862.6058400000002</v>
          </cell>
          <cell r="H13" t="str">
            <v>Lease</v>
          </cell>
          <cell r="I13" t="str">
            <v>SFS</v>
          </cell>
          <cell r="J13" t="str">
            <v>Hayter 7Gang Mower</v>
          </cell>
        </row>
        <row r="14">
          <cell r="A14" t="str">
            <v>9G109</v>
          </cell>
          <cell r="B14" t="str">
            <v>9G109</v>
          </cell>
          <cell r="C14" t="str">
            <v>Parks &amp; Open Spaces</v>
          </cell>
          <cell r="D14">
            <v>38777</v>
          </cell>
          <cell r="E14">
            <v>40603</v>
          </cell>
          <cell r="F14">
            <v>10764</v>
          </cell>
          <cell r="G14">
            <v>9862.6058400000002</v>
          </cell>
          <cell r="H14" t="str">
            <v>Lease</v>
          </cell>
          <cell r="I14" t="str">
            <v>SFS</v>
          </cell>
          <cell r="J14" t="str">
            <v>Hayter 7Gang Mower</v>
          </cell>
        </row>
        <row r="15">
          <cell r="A15" t="str">
            <v>9G110</v>
          </cell>
          <cell r="B15" t="str">
            <v>9G110</v>
          </cell>
          <cell r="C15" t="str">
            <v>Parks &amp; Open Spaces</v>
          </cell>
          <cell r="D15">
            <v>38777</v>
          </cell>
          <cell r="E15">
            <v>40603</v>
          </cell>
          <cell r="F15">
            <v>10764</v>
          </cell>
          <cell r="G15">
            <v>9862.6058400000002</v>
          </cell>
          <cell r="H15" t="str">
            <v>Lease</v>
          </cell>
          <cell r="I15" t="str">
            <v>SFS</v>
          </cell>
          <cell r="J15" t="str">
            <v>Hayter 7Gang Mower</v>
          </cell>
        </row>
        <row r="16">
          <cell r="A16" t="str">
            <v>9G111</v>
          </cell>
          <cell r="B16" t="str">
            <v>9G111</v>
          </cell>
          <cell r="C16" t="str">
            <v>Parks &amp; Open Spaces</v>
          </cell>
          <cell r="D16">
            <v>38777</v>
          </cell>
          <cell r="E16">
            <v>40603</v>
          </cell>
          <cell r="F16">
            <v>10764</v>
          </cell>
          <cell r="G16">
            <v>9862.6058400000002</v>
          </cell>
          <cell r="H16" t="str">
            <v>Lease</v>
          </cell>
          <cell r="I16" t="str">
            <v>SFS</v>
          </cell>
          <cell r="J16" t="str">
            <v>Hayter 7Gang Mower</v>
          </cell>
        </row>
        <row r="17">
          <cell r="A17" t="str">
            <v>9J002</v>
          </cell>
          <cell r="B17" t="str">
            <v>9J002</v>
          </cell>
          <cell r="C17" t="str">
            <v>Street Scene - Refuse</v>
          </cell>
          <cell r="D17">
            <v>38170</v>
          </cell>
          <cell r="E17" t="str">
            <v>Barnet owned</v>
          </cell>
          <cell r="F17">
            <v>10655</v>
          </cell>
          <cell r="G17">
            <v>0</v>
          </cell>
          <cell r="H17" t="str">
            <v>Barnet Owned</v>
          </cell>
          <cell r="I17" t="str">
            <v>N/A</v>
          </cell>
          <cell r="J17" t="str">
            <v>TRAFALGAR</v>
          </cell>
        </row>
        <row r="18">
          <cell r="A18" t="str">
            <v>9J003</v>
          </cell>
          <cell r="B18" t="str">
            <v>9J003</v>
          </cell>
          <cell r="C18" t="str">
            <v>Street Scene - Refuse</v>
          </cell>
          <cell r="D18">
            <v>38170</v>
          </cell>
          <cell r="E18" t="str">
            <v>Barnet owned</v>
          </cell>
          <cell r="F18">
            <v>10655</v>
          </cell>
          <cell r="G18">
            <v>0</v>
          </cell>
          <cell r="H18" t="str">
            <v>Barnet Owned</v>
          </cell>
          <cell r="I18" t="str">
            <v>N/A</v>
          </cell>
          <cell r="J18" t="str">
            <v>TRAFALGAR</v>
          </cell>
        </row>
        <row r="19">
          <cell r="A19" t="str">
            <v>9J004</v>
          </cell>
          <cell r="B19" t="str">
            <v>9J004</v>
          </cell>
          <cell r="C19" t="str">
            <v>Street Scene - Refuse</v>
          </cell>
          <cell r="D19">
            <v>38273</v>
          </cell>
          <cell r="E19" t="str">
            <v>Barnet owned</v>
          </cell>
          <cell r="F19">
            <v>10655</v>
          </cell>
          <cell r="G19">
            <v>0</v>
          </cell>
          <cell r="H19" t="str">
            <v>Barnet Owned</v>
          </cell>
          <cell r="I19" t="str">
            <v>N/A</v>
          </cell>
          <cell r="J19" t="str">
            <v>TRAFALGAR</v>
          </cell>
        </row>
        <row r="20">
          <cell r="A20" t="str">
            <v>9N550</v>
          </cell>
          <cell r="B20" t="str">
            <v>9N550</v>
          </cell>
          <cell r="C20" t="str">
            <v>Parks &amp; Open Spaces</v>
          </cell>
          <cell r="D20">
            <v>35121</v>
          </cell>
          <cell r="E20" t="str">
            <v>Barnet owned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  <cell r="J20" t="str">
            <v xml:space="preserve"> FRASER F68 TIPPING TRAILER </v>
          </cell>
        </row>
        <row r="21">
          <cell r="A21" t="str">
            <v>9N553</v>
          </cell>
          <cell r="B21" t="str">
            <v>9N553</v>
          </cell>
          <cell r="C21" t="str">
            <v>Parks &amp; Open Spaces</v>
          </cell>
          <cell r="D21" t="str">
            <v>N/A</v>
          </cell>
          <cell r="E21" t="str">
            <v>Barnet Owned</v>
          </cell>
          <cell r="F21">
            <v>10764</v>
          </cell>
          <cell r="G21">
            <v>0</v>
          </cell>
          <cell r="H21" t="str">
            <v>Barnet Owned</v>
          </cell>
          <cell r="I21" t="str">
            <v>N/A</v>
          </cell>
          <cell r="J21" t="str">
            <v xml:space="preserve"> FRASER F68 TIPPING TRAILER </v>
          </cell>
        </row>
        <row r="22">
          <cell r="A22" t="str">
            <v>9N554</v>
          </cell>
          <cell r="B22" t="str">
            <v>9N554</v>
          </cell>
          <cell r="C22" t="str">
            <v>Parks &amp; Open Spaces</v>
          </cell>
          <cell r="D22">
            <v>35353</v>
          </cell>
          <cell r="E22" t="str">
            <v>Barnet owned</v>
          </cell>
          <cell r="F22">
            <v>10764</v>
          </cell>
          <cell r="G22">
            <v>0</v>
          </cell>
          <cell r="H22" t="str">
            <v>Barnet Owned</v>
          </cell>
          <cell r="I22" t="str">
            <v>N/A</v>
          </cell>
          <cell r="J22" t="str">
            <v xml:space="preserve"> FRASER F68 TIPPING TRAILER </v>
          </cell>
        </row>
        <row r="23">
          <cell r="A23" t="str">
            <v>9N555</v>
          </cell>
          <cell r="B23" t="str">
            <v>9N555</v>
          </cell>
          <cell r="C23" t="str">
            <v>Parks &amp; Open Spaces</v>
          </cell>
          <cell r="D23">
            <v>35353</v>
          </cell>
          <cell r="E23" t="str">
            <v>Barnet owned</v>
          </cell>
          <cell r="F23">
            <v>10764</v>
          </cell>
          <cell r="G23">
            <v>0</v>
          </cell>
          <cell r="H23" t="str">
            <v>Barnet Owned</v>
          </cell>
          <cell r="I23" t="str">
            <v>N/A</v>
          </cell>
          <cell r="J23" t="str">
            <v xml:space="preserve"> H-WOOD 2600GPS TRAILER </v>
          </cell>
        </row>
        <row r="24">
          <cell r="A24" t="str">
            <v>9N605</v>
          </cell>
          <cell r="B24" t="str">
            <v>9N605</v>
          </cell>
          <cell r="C24" t="str">
            <v>Parks &amp; Open Spaces</v>
          </cell>
          <cell r="D24">
            <v>37027</v>
          </cell>
          <cell r="E24" t="str">
            <v>Barnet owned</v>
          </cell>
          <cell r="F24">
            <v>10764</v>
          </cell>
          <cell r="G24">
            <v>0</v>
          </cell>
          <cell r="H24" t="str">
            <v>Barnet Owned</v>
          </cell>
          <cell r="I24" t="str">
            <v>N/A</v>
          </cell>
          <cell r="J24" t="str">
            <v xml:space="preserve"> H-WOOD 2600GPS TRAILER </v>
          </cell>
        </row>
        <row r="25">
          <cell r="A25" t="str">
            <v>9N606</v>
          </cell>
          <cell r="B25" t="str">
            <v>9N606</v>
          </cell>
          <cell r="C25" t="str">
            <v>Parks &amp; Open Spaces</v>
          </cell>
          <cell r="D25">
            <v>37028</v>
          </cell>
          <cell r="E25" t="str">
            <v>Barnet owned</v>
          </cell>
          <cell r="F25">
            <v>10764</v>
          </cell>
          <cell r="G25">
            <v>0</v>
          </cell>
          <cell r="H25" t="str">
            <v>Barnet Owned</v>
          </cell>
          <cell r="I25" t="str">
            <v>N/A</v>
          </cell>
          <cell r="J25" t="str">
            <v xml:space="preserve"> H-WOOD 2600GPS TRAILER </v>
          </cell>
        </row>
        <row r="26">
          <cell r="A26" t="str">
            <v>9N607</v>
          </cell>
          <cell r="B26" t="str">
            <v>9N607</v>
          </cell>
          <cell r="C26" t="str">
            <v>Parks &amp; Open Spaces</v>
          </cell>
          <cell r="D26">
            <v>37030</v>
          </cell>
          <cell r="E26" t="str">
            <v>Barnet owned</v>
          </cell>
          <cell r="F26">
            <v>10764</v>
          </cell>
          <cell r="G26">
            <v>0</v>
          </cell>
          <cell r="H26" t="str">
            <v>Barnet Owned</v>
          </cell>
          <cell r="I26" t="str">
            <v>N/A</v>
          </cell>
          <cell r="J26" t="str">
            <v xml:space="preserve"> H-WOOD 2600GPS TRAILER </v>
          </cell>
        </row>
        <row r="27">
          <cell r="A27" t="str">
            <v>9N608</v>
          </cell>
          <cell r="B27" t="str">
            <v>9N608</v>
          </cell>
          <cell r="C27" t="str">
            <v>Parks &amp; Open Spaces</v>
          </cell>
          <cell r="D27">
            <v>37060</v>
          </cell>
          <cell r="E27" t="str">
            <v>Barnet owned</v>
          </cell>
          <cell r="F27">
            <v>10764</v>
          </cell>
          <cell r="G27">
            <v>0</v>
          </cell>
          <cell r="H27" t="str">
            <v>Barnet Owned</v>
          </cell>
          <cell r="I27" t="str">
            <v>N/A</v>
          </cell>
          <cell r="J27" t="str">
            <v xml:space="preserve"> H-WOOD 2600GPS TRAILER </v>
          </cell>
        </row>
        <row r="28">
          <cell r="A28" t="str">
            <v>9N609</v>
          </cell>
          <cell r="B28" t="str">
            <v>9N609</v>
          </cell>
          <cell r="C28" t="str">
            <v>Parks &amp; Open Spaces</v>
          </cell>
          <cell r="D28">
            <v>37060</v>
          </cell>
          <cell r="E28" t="str">
            <v>Barnet owned</v>
          </cell>
          <cell r="F28">
            <v>10764</v>
          </cell>
          <cell r="G28">
            <v>0</v>
          </cell>
          <cell r="H28" t="str">
            <v>Barnet Owned</v>
          </cell>
          <cell r="I28" t="str">
            <v>N/A</v>
          </cell>
          <cell r="J28" t="str">
            <v xml:space="preserve"> H-WOOD 2600GPS TRAILER </v>
          </cell>
        </row>
        <row r="29">
          <cell r="A29" t="str">
            <v>9N611</v>
          </cell>
          <cell r="B29" t="str">
            <v>9N611</v>
          </cell>
          <cell r="C29" t="str">
            <v>Parks &amp; Open Spaces</v>
          </cell>
          <cell r="D29">
            <v>37060</v>
          </cell>
          <cell r="E29" t="str">
            <v>Barnet owned</v>
          </cell>
          <cell r="F29">
            <v>10764</v>
          </cell>
          <cell r="G29">
            <v>0</v>
          </cell>
          <cell r="H29" t="str">
            <v>Barnet Owned</v>
          </cell>
          <cell r="I29" t="str">
            <v>N/A</v>
          </cell>
          <cell r="J29" t="str">
            <v xml:space="preserve"> H-WOOD 2600GPS TRAILER </v>
          </cell>
        </row>
        <row r="30">
          <cell r="A30" t="str">
            <v>9N612</v>
          </cell>
          <cell r="B30" t="str">
            <v>9N612</v>
          </cell>
          <cell r="C30" t="str">
            <v>Parks &amp; Open Spaces</v>
          </cell>
          <cell r="D30">
            <v>37060</v>
          </cell>
          <cell r="E30" t="str">
            <v>Barnet owned</v>
          </cell>
          <cell r="F30">
            <v>10764</v>
          </cell>
          <cell r="G30">
            <v>0</v>
          </cell>
          <cell r="H30" t="str">
            <v>Barnet Owned</v>
          </cell>
          <cell r="I30" t="str">
            <v>N/A</v>
          </cell>
          <cell r="J30" t="str">
            <v xml:space="preserve"> H-WOOD 2600GPS TRAILER </v>
          </cell>
        </row>
        <row r="31">
          <cell r="A31" t="str">
            <v>9N613</v>
          </cell>
          <cell r="B31" t="str">
            <v>9N613</v>
          </cell>
          <cell r="C31" t="str">
            <v>Parks &amp; Open Spaces</v>
          </cell>
          <cell r="D31">
            <v>37060</v>
          </cell>
          <cell r="E31" t="str">
            <v>Barnet owned</v>
          </cell>
          <cell r="F31">
            <v>10764</v>
          </cell>
          <cell r="G31">
            <v>0</v>
          </cell>
          <cell r="H31" t="str">
            <v>Barnet Owned</v>
          </cell>
          <cell r="I31" t="str">
            <v>N/A</v>
          </cell>
          <cell r="J31" t="str">
            <v xml:space="preserve"> H-WOOD 2600GPS TRAILER </v>
          </cell>
        </row>
        <row r="32">
          <cell r="A32" t="str">
            <v>9N614</v>
          </cell>
          <cell r="B32" t="str">
            <v>9N614</v>
          </cell>
          <cell r="C32" t="str">
            <v>Parks &amp; Open Spaces</v>
          </cell>
          <cell r="D32">
            <v>37060</v>
          </cell>
          <cell r="E32" t="str">
            <v>Barnet owned</v>
          </cell>
          <cell r="F32">
            <v>10764</v>
          </cell>
          <cell r="G32">
            <v>0</v>
          </cell>
          <cell r="H32" t="str">
            <v>Barnet Owned</v>
          </cell>
          <cell r="I32" t="str">
            <v>N/A</v>
          </cell>
          <cell r="J32" t="str">
            <v xml:space="preserve"> H-WOOD 2600GPS TRAILER </v>
          </cell>
        </row>
        <row r="33">
          <cell r="A33" t="str">
            <v>9N615</v>
          </cell>
          <cell r="B33" t="str">
            <v>9N615</v>
          </cell>
          <cell r="C33" t="str">
            <v>Barnet Homes - Caretakers</v>
          </cell>
          <cell r="D33">
            <v>37370</v>
          </cell>
          <cell r="E33" t="str">
            <v>Barnet owned</v>
          </cell>
          <cell r="F33">
            <v>10764</v>
          </cell>
          <cell r="G33">
            <v>0</v>
          </cell>
          <cell r="H33" t="str">
            <v>Barnet Owned</v>
          </cell>
          <cell r="I33" t="str">
            <v>N/A</v>
          </cell>
          <cell r="J33" t="str">
            <v xml:space="preserve"> TRAILERS </v>
          </cell>
        </row>
        <row r="34">
          <cell r="A34" t="str">
            <v>9N616</v>
          </cell>
          <cell r="B34" t="str">
            <v>9N616</v>
          </cell>
          <cell r="C34" t="str">
            <v>Parks &amp; Open Spaces</v>
          </cell>
          <cell r="E34" t="str">
            <v>Barnet Owned</v>
          </cell>
          <cell r="F34">
            <v>10764</v>
          </cell>
          <cell r="G34">
            <v>0</v>
          </cell>
          <cell r="H34" t="str">
            <v>Barnet Owned</v>
          </cell>
          <cell r="I34" t="str">
            <v>N/A</v>
          </cell>
          <cell r="J34" t="str">
            <v>Trailer</v>
          </cell>
        </row>
        <row r="35">
          <cell r="A35" t="str">
            <v>9N623</v>
          </cell>
          <cell r="B35" t="str">
            <v>9N623</v>
          </cell>
          <cell r="C35" t="str">
            <v>Street Scene - Cleansing</v>
          </cell>
          <cell r="D35">
            <v>37230</v>
          </cell>
          <cell r="E35" t="str">
            <v>Barnet owned</v>
          </cell>
          <cell r="F35">
            <v>10652</v>
          </cell>
          <cell r="G35">
            <v>0</v>
          </cell>
          <cell r="H35" t="str">
            <v>Barnet Owned</v>
          </cell>
          <cell r="I35" t="str">
            <v>N/A</v>
          </cell>
          <cell r="J35" t="str">
            <v xml:space="preserve"> TRAILERS </v>
          </cell>
        </row>
        <row r="36">
          <cell r="A36" t="str">
            <v xml:space="preserve">9N624 </v>
          </cell>
          <cell r="B36" t="str">
            <v xml:space="preserve">9N624 </v>
          </cell>
          <cell r="C36" t="str">
            <v>Street Scene - Cleansing</v>
          </cell>
          <cell r="D36">
            <v>37510</v>
          </cell>
          <cell r="E36" t="str">
            <v>Barnet owned</v>
          </cell>
          <cell r="F36">
            <v>10652</v>
          </cell>
          <cell r="G36">
            <v>0</v>
          </cell>
          <cell r="H36" t="str">
            <v>Barnet Owned</v>
          </cell>
          <cell r="I36" t="str">
            <v>N/A</v>
          </cell>
          <cell r="J36" t="str">
            <v xml:space="preserve"> IVOR WILLIAMS TRAILER </v>
          </cell>
        </row>
        <row r="37">
          <cell r="A37" t="str">
            <v>9N625</v>
          </cell>
          <cell r="B37" t="str">
            <v>9N625</v>
          </cell>
          <cell r="C37" t="str">
            <v>Parks &amp; Open Spaces</v>
          </cell>
          <cell r="D37">
            <v>37691</v>
          </cell>
          <cell r="E37" t="str">
            <v>Barnet owned</v>
          </cell>
          <cell r="F37">
            <v>10764</v>
          </cell>
          <cell r="G37">
            <v>0</v>
          </cell>
          <cell r="H37" t="str">
            <v>Barnet Owned</v>
          </cell>
          <cell r="I37" t="str">
            <v>N/A</v>
          </cell>
          <cell r="J37" t="str">
            <v xml:space="preserve"> TRAILERS </v>
          </cell>
        </row>
        <row r="38">
          <cell r="A38" t="str">
            <v>9N626</v>
          </cell>
          <cell r="B38" t="str">
            <v>9N626</v>
          </cell>
          <cell r="C38" t="str">
            <v>Parks &amp; Open Spaces</v>
          </cell>
          <cell r="D38">
            <v>37691</v>
          </cell>
          <cell r="E38" t="str">
            <v>Barnet owned</v>
          </cell>
          <cell r="F38">
            <v>10764</v>
          </cell>
          <cell r="G38">
            <v>0</v>
          </cell>
          <cell r="H38" t="str">
            <v>Barnet Owned</v>
          </cell>
          <cell r="I38" t="str">
            <v>N/A</v>
          </cell>
          <cell r="J38" t="str">
            <v xml:space="preserve"> BATESON 1264 TRAILER </v>
          </cell>
        </row>
        <row r="39">
          <cell r="A39" t="str">
            <v>9N627</v>
          </cell>
          <cell r="B39" t="str">
            <v>9N627</v>
          </cell>
          <cell r="C39" t="str">
            <v>Street Scene - Cleansing</v>
          </cell>
          <cell r="D39">
            <v>37773</v>
          </cell>
          <cell r="E39" t="str">
            <v>Barnet owned</v>
          </cell>
          <cell r="F39">
            <v>10652</v>
          </cell>
          <cell r="G39">
            <v>0</v>
          </cell>
          <cell r="H39" t="str">
            <v>Barnet Owned</v>
          </cell>
          <cell r="I39" t="str">
            <v>N/A</v>
          </cell>
          <cell r="J39" t="str">
            <v>H-WOOD TRAILER</v>
          </cell>
        </row>
        <row r="40">
          <cell r="A40" t="str">
            <v>9N628</v>
          </cell>
          <cell r="B40" t="str">
            <v>9N628</v>
          </cell>
          <cell r="C40" t="str">
            <v>Street Scene - Refuse</v>
          </cell>
          <cell r="D40">
            <v>38272</v>
          </cell>
          <cell r="E40" t="str">
            <v>Barnet owned</v>
          </cell>
          <cell r="F40">
            <v>10655</v>
          </cell>
          <cell r="G40">
            <v>0</v>
          </cell>
          <cell r="H40" t="str">
            <v>Barnet Owned</v>
          </cell>
          <cell r="I40" t="str">
            <v>N/A</v>
          </cell>
          <cell r="J40" t="str">
            <v>WESSEX CAR TRANSPORTER</v>
          </cell>
        </row>
        <row r="41">
          <cell r="A41" t="str">
            <v>9N629</v>
          </cell>
          <cell r="B41" t="str">
            <v>9N629</v>
          </cell>
          <cell r="C41" t="str">
            <v>Street Scene - Cleansing</v>
          </cell>
          <cell r="D41">
            <v>38498</v>
          </cell>
          <cell r="E41" t="str">
            <v>Barnet owned</v>
          </cell>
          <cell r="F41">
            <v>10655</v>
          </cell>
          <cell r="G41">
            <v>0</v>
          </cell>
          <cell r="H41" t="str">
            <v>Barnet Owned</v>
          </cell>
          <cell r="I41" t="str">
            <v>N/A</v>
          </cell>
          <cell r="J41" t="str">
            <v xml:space="preserve"> IVOR WILLIAMS TRAILER </v>
          </cell>
        </row>
        <row r="42">
          <cell r="A42" t="str">
            <v>9N630</v>
          </cell>
          <cell r="B42" t="str">
            <v>9N630</v>
          </cell>
          <cell r="C42" t="str">
            <v>Parks &amp; Open Spaces</v>
          </cell>
          <cell r="D42">
            <v>38500</v>
          </cell>
          <cell r="E42" t="str">
            <v>Barnet owned</v>
          </cell>
          <cell r="F42">
            <v>10764</v>
          </cell>
          <cell r="G42">
            <v>0</v>
          </cell>
          <cell r="H42" t="str">
            <v>Barnet Owned</v>
          </cell>
          <cell r="I42" t="str">
            <v>N/A</v>
          </cell>
          <cell r="J42" t="str">
            <v>H-WOOD TRAILER 3500GP  MESH SIDES</v>
          </cell>
        </row>
        <row r="43">
          <cell r="A43" t="str">
            <v>9N631</v>
          </cell>
          <cell r="B43" t="str">
            <v>9N631</v>
          </cell>
          <cell r="C43" t="str">
            <v>Parks &amp; Open Spaces</v>
          </cell>
          <cell r="D43">
            <v>38755</v>
          </cell>
          <cell r="E43" t="str">
            <v>Barnet owned</v>
          </cell>
          <cell r="F43">
            <v>10764</v>
          </cell>
          <cell r="G43">
            <v>0</v>
          </cell>
          <cell r="H43" t="str">
            <v>Barnet Owned</v>
          </cell>
          <cell r="I43" t="str">
            <v>N/A</v>
          </cell>
          <cell r="J43" t="str">
            <v>H-WOOD TRAILER 3500GP</v>
          </cell>
        </row>
        <row r="44">
          <cell r="A44" t="str">
            <v>9N632</v>
          </cell>
          <cell r="B44" t="str">
            <v>9N632</v>
          </cell>
          <cell r="C44" t="str">
            <v>Parks &amp; Open Spaces</v>
          </cell>
          <cell r="D44">
            <v>39120</v>
          </cell>
          <cell r="E44" t="str">
            <v>Barnet owned</v>
          </cell>
          <cell r="F44">
            <v>10764</v>
          </cell>
          <cell r="G44">
            <v>0</v>
          </cell>
          <cell r="H44" t="str">
            <v>Barnet Owned</v>
          </cell>
          <cell r="I44" t="str">
            <v>N/A</v>
          </cell>
          <cell r="J44" t="str">
            <v>BATESON TRAILER</v>
          </cell>
        </row>
        <row r="45">
          <cell r="A45" t="str">
            <v>9N633</v>
          </cell>
          <cell r="B45" t="str">
            <v>9N633</v>
          </cell>
          <cell r="C45" t="str">
            <v>Street Scene - Cleansing</v>
          </cell>
          <cell r="D45">
            <v>38500</v>
          </cell>
          <cell r="E45" t="str">
            <v>Barnet owned</v>
          </cell>
          <cell r="F45">
            <v>10652</v>
          </cell>
          <cell r="G45">
            <v>0</v>
          </cell>
          <cell r="H45" t="str">
            <v>Barnet Owned</v>
          </cell>
          <cell r="I45" t="str">
            <v>N/A</v>
          </cell>
          <cell r="J45" t="str">
            <v>BATESON TRAILER</v>
          </cell>
        </row>
        <row r="46">
          <cell r="A46" t="str">
            <v>9N634</v>
          </cell>
          <cell r="B46" t="str">
            <v>9N634</v>
          </cell>
          <cell r="C46" t="str">
            <v>Barnet Homes - Caretakers</v>
          </cell>
          <cell r="D46">
            <v>38880</v>
          </cell>
          <cell r="E46" t="str">
            <v>Barnet owned</v>
          </cell>
          <cell r="F46" t="str">
            <v>External</v>
          </cell>
          <cell r="G46">
            <v>0</v>
          </cell>
          <cell r="H46" t="str">
            <v>Barnet Owned</v>
          </cell>
          <cell r="I46" t="str">
            <v>N/A</v>
          </cell>
          <cell r="J46" t="str">
            <v>WESSEX CAR TRANSPORTER</v>
          </cell>
        </row>
        <row r="47">
          <cell r="A47" t="str">
            <v>9N635</v>
          </cell>
          <cell r="B47" t="str">
            <v>9N635</v>
          </cell>
          <cell r="C47" t="str">
            <v>Parks &amp; Open Spaces</v>
          </cell>
          <cell r="D47">
            <v>39188</v>
          </cell>
          <cell r="E47" t="str">
            <v>Barnet owned</v>
          </cell>
          <cell r="F47">
            <v>10764</v>
          </cell>
          <cell r="G47">
            <v>0</v>
          </cell>
          <cell r="H47" t="str">
            <v>Barnet Owned</v>
          </cell>
          <cell r="I47" t="str">
            <v>N/A</v>
          </cell>
          <cell r="J47" t="str">
            <v>BATESON TRAILER</v>
          </cell>
        </row>
        <row r="48">
          <cell r="A48" t="str">
            <v>9N636</v>
          </cell>
          <cell r="B48" t="str">
            <v>9N636</v>
          </cell>
          <cell r="C48" t="str">
            <v>Parks &amp; Open Spaces</v>
          </cell>
          <cell r="D48">
            <v>39188</v>
          </cell>
          <cell r="E48" t="str">
            <v>Barnet owned</v>
          </cell>
          <cell r="F48">
            <v>10764</v>
          </cell>
          <cell r="G48">
            <v>0</v>
          </cell>
          <cell r="H48" t="str">
            <v>Barnet Owned</v>
          </cell>
          <cell r="I48" t="str">
            <v>N/A</v>
          </cell>
          <cell r="J48" t="str">
            <v>BATESON TRAILER</v>
          </cell>
        </row>
        <row r="49">
          <cell r="A49" t="str">
            <v>9N637</v>
          </cell>
          <cell r="B49" t="str">
            <v>9N637</v>
          </cell>
          <cell r="C49" t="str">
            <v>Parks &amp; Open Spaces</v>
          </cell>
          <cell r="D49" t="str">
            <v>N/A</v>
          </cell>
          <cell r="E49" t="str">
            <v>Barnet Owned</v>
          </cell>
          <cell r="F49">
            <v>10764</v>
          </cell>
          <cell r="G49">
            <v>0</v>
          </cell>
          <cell r="H49" t="str">
            <v>Barnet Owned</v>
          </cell>
          <cell r="I49" t="str">
            <v>N/A</v>
          </cell>
          <cell r="J49" t="str">
            <v>BATESON TRAILERS</v>
          </cell>
        </row>
        <row r="50">
          <cell r="A50" t="str">
            <v>9P006</v>
          </cell>
          <cell r="B50" t="str">
            <v>9P006</v>
          </cell>
          <cell r="C50" t="str">
            <v>Street Scene - Cleansing</v>
          </cell>
          <cell r="D50">
            <v>39018</v>
          </cell>
          <cell r="E50" t="str">
            <v>Barnet owned</v>
          </cell>
          <cell r="F50">
            <v>10652</v>
          </cell>
          <cell r="G50">
            <v>0</v>
          </cell>
          <cell r="H50" t="str">
            <v>Barnet Owned</v>
          </cell>
          <cell r="I50" t="str">
            <v>N/A</v>
          </cell>
          <cell r="J50" t="str">
            <v>TRILO LEAF VACUUM</v>
          </cell>
        </row>
        <row r="51">
          <cell r="A51" t="str">
            <v>9P007</v>
          </cell>
          <cell r="B51" t="str">
            <v>9P007</v>
          </cell>
          <cell r="C51" t="str">
            <v>Street Scene - Cleansing</v>
          </cell>
          <cell r="D51">
            <v>39018</v>
          </cell>
          <cell r="E51" t="str">
            <v>Barnet owned</v>
          </cell>
          <cell r="F51">
            <v>10652</v>
          </cell>
          <cell r="G51">
            <v>0</v>
          </cell>
          <cell r="H51" t="str">
            <v>Barnet Owned</v>
          </cell>
          <cell r="I51" t="str">
            <v>N/A</v>
          </cell>
          <cell r="J51" t="str">
            <v>TRILO LEAF VACUUM</v>
          </cell>
        </row>
        <row r="52">
          <cell r="A52" t="str">
            <v>9P008</v>
          </cell>
          <cell r="B52" t="str">
            <v>9P008</v>
          </cell>
          <cell r="C52" t="str">
            <v>Parks &amp; Open Spaces</v>
          </cell>
          <cell r="D52">
            <v>39090</v>
          </cell>
          <cell r="E52" t="str">
            <v>Barnet owned</v>
          </cell>
          <cell r="F52">
            <v>10764</v>
          </cell>
          <cell r="G52">
            <v>0</v>
          </cell>
          <cell r="H52" t="str">
            <v>Barnet Owned</v>
          </cell>
          <cell r="I52" t="str">
            <v>N/A</v>
          </cell>
          <cell r="J52" t="str">
            <v>TIMBERWOLF S425 SHREDDER</v>
          </cell>
        </row>
        <row r="53">
          <cell r="A53" t="str">
            <v>9P009</v>
          </cell>
          <cell r="B53" t="str">
            <v>9P009</v>
          </cell>
          <cell r="C53" t="str">
            <v>Parks &amp; Open Spaces</v>
          </cell>
          <cell r="D53">
            <v>39090</v>
          </cell>
          <cell r="E53" t="str">
            <v>Barnet owned</v>
          </cell>
          <cell r="F53">
            <v>10764</v>
          </cell>
          <cell r="G53">
            <v>0</v>
          </cell>
          <cell r="H53" t="str">
            <v>Barnet Owned</v>
          </cell>
          <cell r="I53" t="str">
            <v>N/A</v>
          </cell>
          <cell r="J53" t="str">
            <v>TIMBERWOLF TW190DH  SHREDDER</v>
          </cell>
        </row>
        <row r="54">
          <cell r="A54" t="str">
            <v>9P010</v>
          </cell>
          <cell r="B54" t="str">
            <v>9P010</v>
          </cell>
          <cell r="C54" t="str">
            <v>Street Scene - Cleansing</v>
          </cell>
          <cell r="D54">
            <v>39155</v>
          </cell>
          <cell r="E54" t="str">
            <v>Barnet owned</v>
          </cell>
          <cell r="F54">
            <v>10652</v>
          </cell>
          <cell r="G54">
            <v>0</v>
          </cell>
          <cell r="H54" t="str">
            <v>Barnet Owned</v>
          </cell>
          <cell r="I54" t="str">
            <v>N/A</v>
          </cell>
          <cell r="J54" t="str">
            <v>TRILO LEAF VACUUM</v>
          </cell>
        </row>
        <row r="55">
          <cell r="A55" t="str">
            <v>9P011</v>
          </cell>
          <cell r="B55" t="str">
            <v>9P011</v>
          </cell>
          <cell r="C55" t="str">
            <v>Street Scene - Cleansing</v>
          </cell>
          <cell r="D55">
            <v>39155</v>
          </cell>
          <cell r="E55" t="str">
            <v>Barnet owned</v>
          </cell>
          <cell r="F55">
            <v>10652</v>
          </cell>
          <cell r="G55">
            <v>0</v>
          </cell>
          <cell r="H55" t="str">
            <v>Barnet Owned</v>
          </cell>
          <cell r="I55" t="str">
            <v>N/A</v>
          </cell>
          <cell r="J55" t="str">
            <v>TRILO LEAF VACUUM</v>
          </cell>
        </row>
        <row r="56">
          <cell r="A56" t="str">
            <v>9Z002</v>
          </cell>
          <cell r="B56" t="str">
            <v>9Z002</v>
          </cell>
          <cell r="C56" t="str">
            <v>Parks &amp; Open Spaces</v>
          </cell>
          <cell r="D56">
            <v>40138</v>
          </cell>
          <cell r="F56">
            <v>10764</v>
          </cell>
          <cell r="H56" t="str">
            <v>Ad Hoc Hire</v>
          </cell>
          <cell r="I56" t="str">
            <v>GPL</v>
          </cell>
          <cell r="J56" t="str">
            <v>Agri Trailer</v>
          </cell>
        </row>
        <row r="57">
          <cell r="A57" t="str">
            <v>AE02TUJ</v>
          </cell>
          <cell r="B57" t="str">
            <v>3P001</v>
          </cell>
          <cell r="C57" t="str">
            <v>Colindale Police</v>
          </cell>
          <cell r="D57">
            <v>37336</v>
          </cell>
          <cell r="E57" t="str">
            <v>Barnet Owned</v>
          </cell>
          <cell r="F57">
            <v>10996</v>
          </cell>
          <cell r="G57">
            <v>0</v>
          </cell>
          <cell r="H57" t="str">
            <v>Barnet Owned</v>
          </cell>
          <cell r="I57" t="str">
            <v>N/A</v>
          </cell>
          <cell r="J57" t="str">
            <v xml:space="preserve"> FORD TRANSIT 350 MINI BUS</v>
          </cell>
        </row>
        <row r="58">
          <cell r="A58" t="str">
            <v>AY53WHU</v>
          </cell>
          <cell r="B58" t="str">
            <v>2Z413</v>
          </cell>
          <cell r="C58" t="str">
            <v>Street Scene - Leafing</v>
          </cell>
          <cell r="D58">
            <v>40102</v>
          </cell>
          <cell r="F58">
            <v>10652</v>
          </cell>
          <cell r="H58" t="str">
            <v>Ad Hoc Hire</v>
          </cell>
          <cell r="I58" t="str">
            <v>GPL</v>
          </cell>
          <cell r="J58" t="str">
            <v>Ford transit Single cab cage tipper</v>
          </cell>
        </row>
        <row r="59">
          <cell r="A59" t="str">
            <v>BF09OTY</v>
          </cell>
          <cell r="B59" t="str">
            <v>1Z225</v>
          </cell>
          <cell r="C59" t="str">
            <v>Parking</v>
          </cell>
          <cell r="D59">
            <v>39945</v>
          </cell>
          <cell r="F59">
            <v>10038</v>
          </cell>
          <cell r="G59">
            <v>2899</v>
          </cell>
          <cell r="H59" t="str">
            <v>Regular Hire</v>
          </cell>
          <cell r="I59" t="str">
            <v>GPL</v>
          </cell>
          <cell r="J59" t="str">
            <v>Ford Courier Van</v>
          </cell>
        </row>
        <row r="60">
          <cell r="A60" t="str">
            <v>BG58WZM</v>
          </cell>
          <cell r="B60" t="str">
            <v>1Z149</v>
          </cell>
          <cell r="C60" t="str">
            <v>Libraries Moblie Services</v>
          </cell>
          <cell r="F60">
            <v>10362</v>
          </cell>
          <cell r="G60">
            <v>2899</v>
          </cell>
          <cell r="H60" t="str">
            <v>Regular Hire</v>
          </cell>
          <cell r="I60" t="str">
            <v>Target</v>
          </cell>
          <cell r="J60" t="str">
            <v>VW Caddy</v>
          </cell>
        </row>
        <row r="61">
          <cell r="A61" t="str">
            <v>BJ08YJA</v>
          </cell>
          <cell r="B61" t="str">
            <v>2Z371</v>
          </cell>
          <cell r="C61" t="str">
            <v>Parks &amp; Open Spaces</v>
          </cell>
          <cell r="F61">
            <v>10764</v>
          </cell>
          <cell r="G61">
            <v>5720</v>
          </cell>
          <cell r="H61" t="str">
            <v>Regular Hire</v>
          </cell>
          <cell r="I61" t="str">
            <v>GPL</v>
          </cell>
          <cell r="J61" t="str">
            <v>Ford Transit 350 Crew Cab  Tipper</v>
          </cell>
        </row>
        <row r="62">
          <cell r="A62" t="str">
            <v>BL56WWO</v>
          </cell>
          <cell r="B62" t="str">
            <v>2Z367</v>
          </cell>
          <cell r="C62" t="str">
            <v>Libraries</v>
          </cell>
          <cell r="F62">
            <v>10339</v>
          </cell>
          <cell r="G62">
            <v>3770</v>
          </cell>
          <cell r="H62" t="str">
            <v>Regular Hire</v>
          </cell>
          <cell r="I62" t="str">
            <v>GPL</v>
          </cell>
          <cell r="J62" t="str">
            <v>Ford Transit 260 Van</v>
          </cell>
        </row>
        <row r="63">
          <cell r="A63" t="str">
            <v>BN09FGF</v>
          </cell>
          <cell r="B63" t="str">
            <v>1V100</v>
          </cell>
          <cell r="C63" t="str">
            <v>Street Scene - Refuse</v>
          </cell>
          <cell r="D63">
            <v>39941</v>
          </cell>
          <cell r="E63">
            <v>41036</v>
          </cell>
          <cell r="F63">
            <v>10655</v>
          </cell>
          <cell r="G63">
            <v>4442.3599999999997</v>
          </cell>
          <cell r="H63" t="str">
            <v>Lease</v>
          </cell>
          <cell r="I63" t="str">
            <v>GPL</v>
          </cell>
          <cell r="J63" t="str">
            <v>Vauxhall Combo Crew Van</v>
          </cell>
        </row>
        <row r="64">
          <cell r="A64" t="str">
            <v>BN09FGG</v>
          </cell>
          <cell r="B64" t="str">
            <v>1V101</v>
          </cell>
          <cell r="C64" t="str">
            <v>Street Scene - Refuse</v>
          </cell>
          <cell r="D64">
            <v>39941</v>
          </cell>
          <cell r="E64">
            <v>41036</v>
          </cell>
          <cell r="F64">
            <v>10655</v>
          </cell>
          <cell r="G64">
            <v>4442.3599999999997</v>
          </cell>
          <cell r="H64" t="str">
            <v>Lease</v>
          </cell>
          <cell r="I64" t="str">
            <v>GPL</v>
          </cell>
          <cell r="J64" t="str">
            <v>Vauxhall Combo Crew Van</v>
          </cell>
        </row>
        <row r="65">
          <cell r="A65" t="str">
            <v>BN09FGO</v>
          </cell>
          <cell r="B65" t="str">
            <v>1V102</v>
          </cell>
          <cell r="C65" t="str">
            <v>Street Scene - Refuse</v>
          </cell>
          <cell r="D65">
            <v>39941</v>
          </cell>
          <cell r="E65">
            <v>41036</v>
          </cell>
          <cell r="F65">
            <v>10655</v>
          </cell>
          <cell r="G65">
            <v>4442.3599999999997</v>
          </cell>
          <cell r="H65" t="str">
            <v>Lease</v>
          </cell>
          <cell r="I65" t="str">
            <v>GPL</v>
          </cell>
          <cell r="J65" t="str">
            <v>Vauxhall Combo Crew Van</v>
          </cell>
        </row>
        <row r="66">
          <cell r="A66" t="str">
            <v>DK04DXM</v>
          </cell>
          <cell r="B66" t="str">
            <v>6G300</v>
          </cell>
          <cell r="C66" t="str">
            <v>Street Scene - Refuse</v>
          </cell>
          <cell r="D66">
            <v>38056</v>
          </cell>
          <cell r="E66" t="str">
            <v>Barnet Owned</v>
          </cell>
          <cell r="F66">
            <v>10655</v>
          </cell>
          <cell r="G66">
            <v>0</v>
          </cell>
          <cell r="H66" t="str">
            <v>Barnet Owned</v>
          </cell>
          <cell r="I66" t="str">
            <v>N/A</v>
          </cell>
          <cell r="J66" t="str">
            <v>Mercedes  Econic RotaPress c/w Terberg Split lift</v>
          </cell>
        </row>
        <row r="67">
          <cell r="A67" t="str">
            <v>DK54GVJ</v>
          </cell>
          <cell r="B67" t="str">
            <v>6G301</v>
          </cell>
          <cell r="C67" t="str">
            <v>Street Scene - Refuse</v>
          </cell>
          <cell r="D67">
            <v>38253</v>
          </cell>
          <cell r="E67" t="str">
            <v>Barnet Owned</v>
          </cell>
          <cell r="F67">
            <v>10655</v>
          </cell>
          <cell r="G67">
            <v>0</v>
          </cell>
          <cell r="H67" t="str">
            <v>Barnet Owned</v>
          </cell>
          <cell r="I67" t="str">
            <v>N/A</v>
          </cell>
          <cell r="J67" t="str">
            <v>Mercedes  Econic RotaPress c/w Terberg Split lift</v>
          </cell>
        </row>
        <row r="68">
          <cell r="A68" t="str">
            <v>DK54NNV</v>
          </cell>
          <cell r="B68" t="str">
            <v>6G304</v>
          </cell>
          <cell r="C68" t="str">
            <v>Street Scene - Refuse</v>
          </cell>
          <cell r="D68">
            <v>38373</v>
          </cell>
          <cell r="E68" t="str">
            <v>Barnet Owned</v>
          </cell>
          <cell r="F68">
            <v>10655</v>
          </cell>
          <cell r="G68">
            <v>0</v>
          </cell>
          <cell r="H68" t="str">
            <v>Barnet Owned</v>
          </cell>
          <cell r="I68" t="str">
            <v>N/A</v>
          </cell>
          <cell r="J68" t="str">
            <v>Mercedes  Econic RotaPress c/w Terberg Split lift</v>
          </cell>
        </row>
        <row r="69">
          <cell r="A69" t="str">
            <v>DK54NNW</v>
          </cell>
          <cell r="B69" t="str">
            <v>6G302</v>
          </cell>
          <cell r="C69" t="str">
            <v>Street Scene - Refuse</v>
          </cell>
          <cell r="D69">
            <v>38372</v>
          </cell>
          <cell r="E69" t="str">
            <v>Barnet Owned</v>
          </cell>
          <cell r="F69">
            <v>10655</v>
          </cell>
          <cell r="G69">
            <v>0</v>
          </cell>
          <cell r="H69" t="str">
            <v>Barnet Owned</v>
          </cell>
          <cell r="I69" t="str">
            <v>N/A</v>
          </cell>
          <cell r="J69" t="str">
            <v>Mercedes  Econic RotaPress c/w Terberg Split lift</v>
          </cell>
        </row>
        <row r="70">
          <cell r="A70" t="str">
            <v>DK54NNX</v>
          </cell>
          <cell r="B70" t="str">
            <v>6G303</v>
          </cell>
          <cell r="C70" t="str">
            <v>Street Scene - Refuse</v>
          </cell>
          <cell r="D70">
            <v>38372</v>
          </cell>
          <cell r="E70" t="str">
            <v>Barnet Owned</v>
          </cell>
          <cell r="F70">
            <v>10655</v>
          </cell>
          <cell r="G70">
            <v>0</v>
          </cell>
          <cell r="H70" t="str">
            <v>Barnet Owned</v>
          </cell>
          <cell r="I70" t="str">
            <v>N/A</v>
          </cell>
          <cell r="J70" t="str">
            <v>Mercedes  Econic RotaPress c/w Terberg Split lift</v>
          </cell>
        </row>
        <row r="71">
          <cell r="A71" t="str">
            <v>DV56FWY</v>
          </cell>
          <cell r="B71" t="str">
            <v>1Z203</v>
          </cell>
          <cell r="C71" t="str">
            <v>Parks &amp; Open Spaces</v>
          </cell>
          <cell r="D71">
            <v>39912</v>
          </cell>
          <cell r="F71">
            <v>10764</v>
          </cell>
          <cell r="G71">
            <v>3903.84</v>
          </cell>
          <cell r="H71" t="str">
            <v>Ad Hoc Hire</v>
          </cell>
          <cell r="I71" t="str">
            <v>Gpl</v>
          </cell>
          <cell r="J71" t="str">
            <v>L200 Mitshibishi Single Cab</v>
          </cell>
        </row>
        <row r="72">
          <cell r="A72" t="str">
            <v>DX53LPY</v>
          </cell>
          <cell r="B72" t="str">
            <v>4Z267</v>
          </cell>
          <cell r="C72" t="str">
            <v>Barnet Homes - Caretakers</v>
          </cell>
          <cell r="D72">
            <v>39881</v>
          </cell>
          <cell r="F72">
            <v>10652</v>
          </cell>
          <cell r="G72">
            <v>13260</v>
          </cell>
          <cell r="H72" t="str">
            <v>Regular Hire</v>
          </cell>
          <cell r="I72" t="str">
            <v>GPL</v>
          </cell>
          <cell r="J72" t="str">
            <v>7.5 Box--T/L</v>
          </cell>
        </row>
        <row r="73">
          <cell r="A73" t="str">
            <v>EK56LZN</v>
          </cell>
          <cell r="B73" t="str">
            <v>2Z417</v>
          </cell>
          <cell r="C73" t="str">
            <v>Street Scene - Cleansing</v>
          </cell>
          <cell r="D73">
            <v>40133</v>
          </cell>
          <cell r="E73">
            <v>40142</v>
          </cell>
          <cell r="F73">
            <v>10652</v>
          </cell>
          <cell r="H73" t="str">
            <v>Ad Hoc Hire</v>
          </cell>
          <cell r="I73" t="str">
            <v>GPL</v>
          </cell>
          <cell r="J73" t="str">
            <v>Ford transit Single cab cage tipper</v>
          </cell>
        </row>
        <row r="74">
          <cell r="A74" t="str">
            <v>EK56LZN</v>
          </cell>
          <cell r="B74" t="str">
            <v>2Z419</v>
          </cell>
          <cell r="C74" t="str">
            <v>Parks &amp; Open Spaces</v>
          </cell>
          <cell r="D74">
            <v>40143</v>
          </cell>
          <cell r="F74">
            <v>10764</v>
          </cell>
          <cell r="H74" t="str">
            <v>Ad Hoc Hire</v>
          </cell>
          <cell r="I74" t="str">
            <v>GPL</v>
          </cell>
          <cell r="J74" t="str">
            <v>Ford transit Single cab cage tipper</v>
          </cell>
        </row>
        <row r="75">
          <cell r="A75" t="str">
            <v>EO03WZU</v>
          </cell>
          <cell r="B75" t="str">
            <v>1S100</v>
          </cell>
          <cell r="C75" t="str">
            <v>Trading Standard</v>
          </cell>
          <cell r="F75">
            <v>10653</v>
          </cell>
          <cell r="G75">
            <v>0</v>
          </cell>
          <cell r="H75" t="str">
            <v>Barnet Owned</v>
          </cell>
          <cell r="I75" t="str">
            <v>N/A</v>
          </cell>
          <cell r="J75" t="str">
            <v>Vauxhall Astra Car</v>
          </cell>
        </row>
        <row r="76">
          <cell r="A76" t="str">
            <v>ET03BZW</v>
          </cell>
          <cell r="B76" t="str">
            <v>1M293</v>
          </cell>
          <cell r="C76" t="str">
            <v>Parking</v>
          </cell>
          <cell r="D76">
            <v>37796</v>
          </cell>
          <cell r="F76">
            <v>10646</v>
          </cell>
          <cell r="G76">
            <v>0</v>
          </cell>
          <cell r="H76" t="str">
            <v>Barnet Owned</v>
          </cell>
          <cell r="I76" t="str">
            <v>N/A</v>
          </cell>
          <cell r="J76" t="str">
            <v>Motorbikes</v>
          </cell>
        </row>
        <row r="77">
          <cell r="A77" t="str">
            <v>GJ09GXD</v>
          </cell>
          <cell r="B77" t="str">
            <v>1S102</v>
          </cell>
          <cell r="C77" t="str">
            <v>Mayoral Services</v>
          </cell>
          <cell r="D77">
            <v>39904</v>
          </cell>
          <cell r="E77">
            <v>40999</v>
          </cell>
          <cell r="F77">
            <v>10392</v>
          </cell>
          <cell r="G77">
            <v>5328</v>
          </cell>
          <cell r="H77" t="str">
            <v>Lease</v>
          </cell>
          <cell r="I77" t="str">
            <v>GPL</v>
          </cell>
          <cell r="J77" t="str">
            <v>Ford Mondeo CD 345 2.00 TDCi Titanium</v>
          </cell>
        </row>
        <row r="78">
          <cell r="A78" t="str">
            <v>GN06LUW</v>
          </cell>
          <cell r="B78" t="str">
            <v>7S010</v>
          </cell>
          <cell r="C78" t="str">
            <v>Street Scene - Cleansing</v>
          </cell>
          <cell r="D78">
            <v>38895</v>
          </cell>
          <cell r="E78">
            <v>40720</v>
          </cell>
          <cell r="F78">
            <v>10652</v>
          </cell>
          <cell r="G78">
            <v>13926.253547579909</v>
          </cell>
          <cell r="H78" t="str">
            <v>Lease</v>
          </cell>
          <cell r="I78" t="str">
            <v>SFS</v>
          </cell>
          <cell r="J78" t="str">
            <v>Scarab Minor Road Sweeper</v>
          </cell>
        </row>
        <row r="79">
          <cell r="A79" t="str">
            <v>GN06LUY</v>
          </cell>
          <cell r="B79" t="str">
            <v>7S011</v>
          </cell>
          <cell r="C79" t="str">
            <v>Street Scene - Cleansing</v>
          </cell>
          <cell r="D79">
            <v>38895</v>
          </cell>
          <cell r="E79">
            <v>40720</v>
          </cell>
          <cell r="F79">
            <v>10652</v>
          </cell>
          <cell r="G79">
            <v>13610.249038904109</v>
          </cell>
          <cell r="H79" t="str">
            <v>Lease</v>
          </cell>
          <cell r="I79" t="str">
            <v>SFS</v>
          </cell>
          <cell r="J79" t="str">
            <v>Scarab Minor Road Sweeper</v>
          </cell>
        </row>
        <row r="80">
          <cell r="A80" t="str">
            <v>GN06LUZ</v>
          </cell>
          <cell r="B80" t="str">
            <v>7S012</v>
          </cell>
          <cell r="C80" t="str">
            <v>Street Scene - Cleansing</v>
          </cell>
          <cell r="D80">
            <v>38895</v>
          </cell>
          <cell r="E80">
            <v>40720</v>
          </cell>
          <cell r="F80">
            <v>10652</v>
          </cell>
          <cell r="G80">
            <v>13610.249038904109</v>
          </cell>
          <cell r="H80" t="str">
            <v>Lease</v>
          </cell>
          <cell r="I80" t="str">
            <v>SFS</v>
          </cell>
          <cell r="J80" t="str">
            <v>Scarab Minor Road Sweeper</v>
          </cell>
        </row>
        <row r="81">
          <cell r="A81" t="str">
            <v>GN55VVM</v>
          </cell>
          <cell r="B81" t="str">
            <v>7Z011</v>
          </cell>
          <cell r="C81" t="str">
            <v>Street Scene - Cleansing</v>
          </cell>
          <cell r="D81">
            <v>39981</v>
          </cell>
          <cell r="F81">
            <v>10652</v>
          </cell>
          <cell r="G81">
            <v>21788</v>
          </cell>
          <cell r="H81" t="str">
            <v>Regular Hire</v>
          </cell>
          <cell r="I81" t="str">
            <v>GPl</v>
          </cell>
          <cell r="J81" t="str">
            <v>Scarab Minor Road Sweeper</v>
          </cell>
        </row>
        <row r="82">
          <cell r="A82" t="str">
            <v>GN55VVO</v>
          </cell>
          <cell r="B82" t="str">
            <v>7Z010</v>
          </cell>
          <cell r="C82" t="str">
            <v>Street Scene - Cleansing</v>
          </cell>
          <cell r="D82">
            <v>39981</v>
          </cell>
          <cell r="F82">
            <v>10652</v>
          </cell>
          <cell r="G82">
            <v>21788</v>
          </cell>
          <cell r="H82" t="str">
            <v>Regular Hire</v>
          </cell>
          <cell r="I82" t="str">
            <v>GPl</v>
          </cell>
          <cell r="J82" t="str">
            <v>Scarab Minor Road Sweeper</v>
          </cell>
        </row>
        <row r="83">
          <cell r="A83" t="str">
            <v>GY59VUH</v>
          </cell>
          <cell r="B83" t="str">
            <v>1Z236</v>
          </cell>
          <cell r="C83" t="str">
            <v>Street Scene - Cleansing</v>
          </cell>
          <cell r="D83">
            <v>40137</v>
          </cell>
          <cell r="F83">
            <v>10652</v>
          </cell>
          <cell r="H83" t="str">
            <v>Regular Hire</v>
          </cell>
          <cell r="I83" t="str">
            <v>GPL</v>
          </cell>
          <cell r="J83" t="str">
            <v>V.W Caddy</v>
          </cell>
        </row>
        <row r="84">
          <cell r="A84" t="str">
            <v>GY59VUJ</v>
          </cell>
          <cell r="B84" t="str">
            <v>1Z237</v>
          </cell>
          <cell r="C84" t="str">
            <v>Street Scene - Cleansing</v>
          </cell>
          <cell r="D84">
            <v>40137</v>
          </cell>
          <cell r="F84">
            <v>10652</v>
          </cell>
          <cell r="H84" t="str">
            <v>Regular Hire</v>
          </cell>
          <cell r="I84" t="str">
            <v>GPL</v>
          </cell>
          <cell r="J84" t="str">
            <v>V.W Caddy</v>
          </cell>
        </row>
        <row r="85">
          <cell r="A85" t="str">
            <v>HD001</v>
          </cell>
          <cell r="B85" t="str">
            <v>8Z001</v>
          </cell>
          <cell r="C85" t="str">
            <v>Hendon Crem</v>
          </cell>
          <cell r="F85">
            <v>10661</v>
          </cell>
          <cell r="G85">
            <v>5200</v>
          </cell>
          <cell r="H85" t="str">
            <v>Regular Hire</v>
          </cell>
          <cell r="I85" t="str">
            <v>GPL</v>
          </cell>
          <cell r="J85" t="str">
            <v>Dumper Truck</v>
          </cell>
        </row>
        <row r="86">
          <cell r="A86" t="str">
            <v>KC02AKX</v>
          </cell>
          <cell r="B86" t="str">
            <v>3A031</v>
          </cell>
          <cell r="C86" t="str">
            <v>Passenger Fleet</v>
          </cell>
          <cell r="D86">
            <v>37445</v>
          </cell>
          <cell r="F86">
            <v>10776</v>
          </cell>
          <cell r="G86">
            <v>9700.8109938461548</v>
          </cell>
          <cell r="H86" t="str">
            <v>Lease</v>
          </cell>
          <cell r="I86" t="str">
            <v>SFS</v>
          </cell>
          <cell r="J86" t="str">
            <v xml:space="preserve">Ford Transit W/C Accessable bus 16 seats </v>
          </cell>
        </row>
        <row r="87">
          <cell r="A87" t="str">
            <v>KC51LCE</v>
          </cell>
          <cell r="B87" t="str">
            <v>3A015</v>
          </cell>
          <cell r="C87" t="str">
            <v>Passenger Fleet</v>
          </cell>
          <cell r="D87">
            <v>37288</v>
          </cell>
          <cell r="F87">
            <v>10776</v>
          </cell>
          <cell r="G87">
            <v>9089.4039735099341</v>
          </cell>
          <cell r="H87" t="str">
            <v>Lease</v>
          </cell>
          <cell r="I87" t="str">
            <v>SFS</v>
          </cell>
          <cell r="J87" t="str">
            <v xml:space="preserve">Ford Transit W/C Accessable bus 16 seats </v>
          </cell>
        </row>
        <row r="88">
          <cell r="A88" t="str">
            <v>KC51LCF</v>
          </cell>
          <cell r="B88" t="str">
            <v>3A016</v>
          </cell>
          <cell r="C88" t="str">
            <v>Passenger Fleet</v>
          </cell>
          <cell r="D88">
            <v>37288</v>
          </cell>
          <cell r="F88">
            <v>10776</v>
          </cell>
          <cell r="G88">
            <v>9089.4039735099341</v>
          </cell>
          <cell r="H88" t="str">
            <v>Lease</v>
          </cell>
          <cell r="I88" t="str">
            <v>SFS</v>
          </cell>
          <cell r="J88" t="str">
            <v xml:space="preserve">Ford Transit W/C Accessable bus 16 seats </v>
          </cell>
        </row>
        <row r="89">
          <cell r="A89" t="str">
            <v>KC51LRN</v>
          </cell>
          <cell r="B89" t="str">
            <v>3A013</v>
          </cell>
          <cell r="C89" t="str">
            <v>Passenger Fleet</v>
          </cell>
          <cell r="D89">
            <v>37288</v>
          </cell>
          <cell r="F89">
            <v>10776</v>
          </cell>
          <cell r="G89">
            <v>9089.4039735099341</v>
          </cell>
          <cell r="H89" t="str">
            <v>Lease</v>
          </cell>
          <cell r="I89" t="str">
            <v>SFS</v>
          </cell>
          <cell r="J89" t="str">
            <v xml:space="preserve">Ford Transit W/C Accessable bus 16 seats </v>
          </cell>
        </row>
        <row r="90">
          <cell r="A90" t="str">
            <v>KC51LRO</v>
          </cell>
          <cell r="B90" t="str">
            <v>3A014</v>
          </cell>
          <cell r="C90" t="str">
            <v>Passenger Fleet</v>
          </cell>
          <cell r="D90">
            <v>37288</v>
          </cell>
          <cell r="F90">
            <v>10776</v>
          </cell>
          <cell r="G90">
            <v>9089.4039735099341</v>
          </cell>
          <cell r="H90" t="str">
            <v>Lease</v>
          </cell>
          <cell r="I90" t="str">
            <v>SFS</v>
          </cell>
          <cell r="J90" t="str">
            <v xml:space="preserve">Ford Transit W/C Accessable bus 16 seats </v>
          </cell>
        </row>
        <row r="91">
          <cell r="A91" t="str">
            <v>KC51NAA</v>
          </cell>
          <cell r="B91" t="str">
            <v>3A017</v>
          </cell>
          <cell r="C91" t="str">
            <v>Passenger Fleet</v>
          </cell>
          <cell r="D91">
            <v>37294</v>
          </cell>
          <cell r="F91">
            <v>10776</v>
          </cell>
          <cell r="G91">
            <v>9089.4039735099341</v>
          </cell>
          <cell r="H91" t="str">
            <v>Lease</v>
          </cell>
          <cell r="I91" t="str">
            <v>SFS</v>
          </cell>
          <cell r="J91" t="str">
            <v xml:space="preserve">Ford Transit W/C Accessable bus 16 seats </v>
          </cell>
        </row>
        <row r="92">
          <cell r="A92" t="str">
            <v>KC51NAE</v>
          </cell>
          <cell r="B92" t="str">
            <v>3A018</v>
          </cell>
          <cell r="C92" t="str">
            <v>Passenger Fleet</v>
          </cell>
          <cell r="D92">
            <v>37298</v>
          </cell>
          <cell r="F92">
            <v>10776</v>
          </cell>
          <cell r="G92">
            <v>9089.4039735099341</v>
          </cell>
          <cell r="H92" t="str">
            <v>Lease</v>
          </cell>
          <cell r="I92" t="str">
            <v>SFS</v>
          </cell>
          <cell r="J92" t="str">
            <v xml:space="preserve">Ford Transit W/C Accessable bus 16 seats </v>
          </cell>
        </row>
        <row r="93">
          <cell r="A93" t="str">
            <v>KC51NUM</v>
          </cell>
          <cell r="B93" t="str">
            <v>3A019</v>
          </cell>
          <cell r="C93" t="str">
            <v>Passenger Fleet</v>
          </cell>
          <cell r="D93">
            <v>37306</v>
          </cell>
          <cell r="F93">
            <v>10776</v>
          </cell>
          <cell r="G93">
            <v>9089.4039735099341</v>
          </cell>
          <cell r="H93" t="str">
            <v>Lease</v>
          </cell>
          <cell r="I93" t="str">
            <v>SFS</v>
          </cell>
          <cell r="J93" t="str">
            <v xml:space="preserve">Ford Transit W/C Accessable bus 16 seats </v>
          </cell>
        </row>
        <row r="94">
          <cell r="A94" t="str">
            <v>KE04UXM</v>
          </cell>
          <cell r="B94" t="str">
            <v>8T007</v>
          </cell>
          <cell r="C94" t="str">
            <v>Parks &amp; Open Spaces</v>
          </cell>
          <cell r="D94">
            <v>38205</v>
          </cell>
          <cell r="E94">
            <v>40700</v>
          </cell>
          <cell r="F94">
            <v>10764</v>
          </cell>
          <cell r="G94">
            <v>8223.5432050228301</v>
          </cell>
          <cell r="H94" t="str">
            <v>Lease</v>
          </cell>
          <cell r="I94" t="str">
            <v>SFS</v>
          </cell>
          <cell r="J94" t="str">
            <v>ABEI TERRATRAC</v>
          </cell>
        </row>
        <row r="95">
          <cell r="A95" t="str">
            <v>KE06LFB</v>
          </cell>
          <cell r="B95" t="str">
            <v>2T048</v>
          </cell>
          <cell r="C95" t="str">
            <v>Street Scene - Cleansing</v>
          </cell>
          <cell r="D95">
            <v>38901</v>
          </cell>
          <cell r="E95">
            <v>40721</v>
          </cell>
          <cell r="F95">
            <v>10652</v>
          </cell>
          <cell r="G95">
            <v>3806.5393446575345</v>
          </cell>
          <cell r="H95" t="str">
            <v>Lease</v>
          </cell>
          <cell r="I95" t="str">
            <v>SFS</v>
          </cell>
          <cell r="J95" t="str">
            <v>Izusu 3.5 tonne Caged Tipper</v>
          </cell>
        </row>
        <row r="96">
          <cell r="A96" t="str">
            <v>KE06LFU</v>
          </cell>
          <cell r="B96" t="str">
            <v>2T049</v>
          </cell>
          <cell r="C96" t="str">
            <v>Street Scene - Cleansing</v>
          </cell>
          <cell r="D96">
            <v>38901</v>
          </cell>
          <cell r="E96">
            <v>40721</v>
          </cell>
          <cell r="F96">
            <v>10652</v>
          </cell>
          <cell r="G96">
            <v>3806.5393446575345</v>
          </cell>
          <cell r="H96" t="str">
            <v>Lease</v>
          </cell>
          <cell r="I96" t="str">
            <v>SFS</v>
          </cell>
          <cell r="J96" t="str">
            <v>Izusu 3.5 tonne Caged Tipper</v>
          </cell>
        </row>
        <row r="97">
          <cell r="A97" t="str">
            <v>KE06MXB</v>
          </cell>
          <cell r="B97" t="str">
            <v>8W954</v>
          </cell>
          <cell r="C97" t="str">
            <v>Barnet Homes - Caretakers</v>
          </cell>
          <cell r="D97">
            <v>38777</v>
          </cell>
          <cell r="E97" t="str">
            <v>Barnet owned</v>
          </cell>
          <cell r="F97" t="str">
            <v>External</v>
          </cell>
          <cell r="G97">
            <v>0</v>
          </cell>
          <cell r="H97" t="str">
            <v>Barnet Owned</v>
          </cell>
          <cell r="I97" t="str">
            <v>N/A</v>
          </cell>
          <cell r="J97" t="str">
            <v>Hayter 3 gang Ride on</v>
          </cell>
        </row>
        <row r="98">
          <cell r="A98" t="str">
            <v>KE51OYC</v>
          </cell>
          <cell r="B98" t="str">
            <v>3A007</v>
          </cell>
          <cell r="C98" t="str">
            <v>Passenger Fleet</v>
          </cell>
          <cell r="D98">
            <v>37165</v>
          </cell>
          <cell r="E98" t="str">
            <v>Barnet Owned</v>
          </cell>
          <cell r="F98">
            <v>10776</v>
          </cell>
          <cell r="G98">
            <v>0</v>
          </cell>
          <cell r="H98" t="str">
            <v>Barnet Owned</v>
          </cell>
          <cell r="I98" t="str">
            <v>N/A</v>
          </cell>
          <cell r="J98" t="str">
            <v xml:space="preserve">Ford Transit W/C Accessable bus 16 seats </v>
          </cell>
        </row>
        <row r="99">
          <cell r="A99" t="str">
            <v>KE51OYF</v>
          </cell>
          <cell r="B99" t="str">
            <v>3A008</v>
          </cell>
          <cell r="C99" t="str">
            <v>Passenger Fleet</v>
          </cell>
          <cell r="D99">
            <v>37165</v>
          </cell>
          <cell r="E99" t="str">
            <v>Barnet Owned</v>
          </cell>
          <cell r="F99">
            <v>10776</v>
          </cell>
          <cell r="G99">
            <v>0</v>
          </cell>
          <cell r="H99" t="str">
            <v>Barnet Owned</v>
          </cell>
          <cell r="I99" t="str">
            <v>N/A</v>
          </cell>
          <cell r="J99" t="str">
            <v xml:space="preserve">Ford Transit W/C Accessable bus 16 seats </v>
          </cell>
        </row>
        <row r="100">
          <cell r="A100" t="str">
            <v>KE55KWS</v>
          </cell>
          <cell r="B100" t="str">
            <v>8Z017</v>
          </cell>
          <cell r="C100" t="str">
            <v>Parks &amp; Open Spaces</v>
          </cell>
          <cell r="D100">
            <v>39904</v>
          </cell>
          <cell r="E100" t="str">
            <v>32 Weeks</v>
          </cell>
          <cell r="F100">
            <v>10764</v>
          </cell>
          <cell r="G100">
            <v>11700</v>
          </cell>
          <cell r="H100" t="str">
            <v>Regular Hire</v>
          </cell>
          <cell r="I100" t="str">
            <v>GPL</v>
          </cell>
          <cell r="J100" t="str">
            <v>John Deere 900 Cylinder Mower</v>
          </cell>
        </row>
        <row r="101">
          <cell r="A101" t="str">
            <v>KE55NWR</v>
          </cell>
          <cell r="B101" t="str">
            <v>8Z020</v>
          </cell>
          <cell r="C101" t="str">
            <v>Parks &amp; Open Spaces</v>
          </cell>
          <cell r="D101">
            <v>39904</v>
          </cell>
          <cell r="E101" t="str">
            <v>32 Weeks</v>
          </cell>
          <cell r="F101">
            <v>10764</v>
          </cell>
          <cell r="G101">
            <v>11700</v>
          </cell>
          <cell r="H101" t="str">
            <v>Regular Hire</v>
          </cell>
          <cell r="I101" t="str">
            <v>GPL</v>
          </cell>
          <cell r="J101" t="str">
            <v>John Deere 900 Cylinder Mower</v>
          </cell>
        </row>
        <row r="102">
          <cell r="A102" t="str">
            <v>KE55NWS</v>
          </cell>
          <cell r="B102" t="str">
            <v>8Z026</v>
          </cell>
          <cell r="C102" t="str">
            <v>Hendon Crem</v>
          </cell>
          <cell r="D102">
            <v>39904</v>
          </cell>
          <cell r="E102" t="str">
            <v>32 Weeks</v>
          </cell>
          <cell r="F102">
            <v>10661</v>
          </cell>
          <cell r="G102">
            <v>11700</v>
          </cell>
          <cell r="H102" t="str">
            <v>Regular Hire</v>
          </cell>
          <cell r="I102" t="str">
            <v>GPL</v>
          </cell>
          <cell r="J102" t="str">
            <v>John Deere 900 Cylinder Mower</v>
          </cell>
        </row>
        <row r="103">
          <cell r="A103" t="str">
            <v>KE55NWT</v>
          </cell>
          <cell r="B103" t="str">
            <v>8Z021</v>
          </cell>
          <cell r="C103" t="str">
            <v>Parks &amp; Open Spaces</v>
          </cell>
          <cell r="D103">
            <v>39904</v>
          </cell>
          <cell r="E103" t="str">
            <v>32 Weeks</v>
          </cell>
          <cell r="F103">
            <v>10764</v>
          </cell>
          <cell r="G103">
            <v>11700</v>
          </cell>
          <cell r="H103" t="str">
            <v>Regular Hire</v>
          </cell>
          <cell r="I103" t="str">
            <v>GPL</v>
          </cell>
          <cell r="J103" t="str">
            <v>John Deere 900 Cylinder Mower</v>
          </cell>
        </row>
        <row r="104">
          <cell r="A104" t="str">
            <v>KE55NWU</v>
          </cell>
          <cell r="B104" t="str">
            <v>8Z022</v>
          </cell>
          <cell r="C104" t="str">
            <v>Parks &amp; Open Spaces</v>
          </cell>
          <cell r="D104">
            <v>39904</v>
          </cell>
          <cell r="E104" t="str">
            <v>32 Weeks</v>
          </cell>
          <cell r="F104">
            <v>10764</v>
          </cell>
          <cell r="G104">
            <v>11700</v>
          </cell>
          <cell r="H104" t="str">
            <v>Regular Hire</v>
          </cell>
          <cell r="I104" t="str">
            <v>GPL</v>
          </cell>
          <cell r="J104" t="str">
            <v>John Deere 900 Cylinder Mower</v>
          </cell>
        </row>
        <row r="105">
          <cell r="A105" t="str">
            <v>KE55NWV</v>
          </cell>
          <cell r="B105" t="str">
            <v>8Z024</v>
          </cell>
          <cell r="C105" t="str">
            <v>Parks &amp; Open Spaces</v>
          </cell>
          <cell r="D105">
            <v>39904</v>
          </cell>
          <cell r="E105" t="str">
            <v>32 Weeks</v>
          </cell>
          <cell r="F105">
            <v>10764</v>
          </cell>
          <cell r="G105">
            <v>11700</v>
          </cell>
          <cell r="H105" t="str">
            <v>Regular Hire</v>
          </cell>
          <cell r="I105" t="str">
            <v>GPL</v>
          </cell>
          <cell r="J105" t="str">
            <v>John Deere 900 Cylinder Mower</v>
          </cell>
        </row>
        <row r="106">
          <cell r="A106" t="str">
            <v>KE55NWW</v>
          </cell>
          <cell r="B106" t="str">
            <v>8Z018</v>
          </cell>
          <cell r="C106" t="str">
            <v>Parks &amp; Open Spaces</v>
          </cell>
          <cell r="D106">
            <v>39904</v>
          </cell>
          <cell r="E106" t="str">
            <v>32 Weeks</v>
          </cell>
          <cell r="F106">
            <v>10764</v>
          </cell>
          <cell r="G106">
            <v>11700</v>
          </cell>
          <cell r="H106" t="str">
            <v>Regular Hire</v>
          </cell>
          <cell r="I106" t="str">
            <v>GPL</v>
          </cell>
          <cell r="J106" t="str">
            <v>John Deere 900 Cylinder Mower</v>
          </cell>
        </row>
        <row r="107">
          <cell r="A107" t="str">
            <v>KE55NWX</v>
          </cell>
          <cell r="B107" t="str">
            <v>8Z023</v>
          </cell>
          <cell r="C107" t="str">
            <v>Parks &amp; Open Spaces</v>
          </cell>
          <cell r="D107">
            <v>39904</v>
          </cell>
          <cell r="E107" t="str">
            <v>32 Weeks</v>
          </cell>
          <cell r="F107">
            <v>10764</v>
          </cell>
          <cell r="G107">
            <v>11700</v>
          </cell>
          <cell r="H107" t="str">
            <v>Regular Hire</v>
          </cell>
          <cell r="I107" t="str">
            <v>GPL</v>
          </cell>
          <cell r="J107" t="str">
            <v>John Deere 900 Cylinder Mower</v>
          </cell>
        </row>
        <row r="108">
          <cell r="A108" t="str">
            <v>KE55NWY</v>
          </cell>
          <cell r="B108" t="str">
            <v>8Z019</v>
          </cell>
          <cell r="C108" t="str">
            <v>Parks &amp; Open Spaces</v>
          </cell>
          <cell r="D108">
            <v>39904</v>
          </cell>
          <cell r="E108" t="str">
            <v>32 Weeks</v>
          </cell>
          <cell r="F108">
            <v>10764</v>
          </cell>
          <cell r="G108">
            <v>11700</v>
          </cell>
          <cell r="H108" t="str">
            <v>Regular Hire</v>
          </cell>
          <cell r="I108" t="str">
            <v>GPL</v>
          </cell>
          <cell r="J108" t="str">
            <v>John Deere 900 Cylinder Mower</v>
          </cell>
        </row>
        <row r="109">
          <cell r="A109" t="str">
            <v>KE55NWZ</v>
          </cell>
          <cell r="B109" t="str">
            <v>8Z015</v>
          </cell>
          <cell r="C109" t="str">
            <v>Parks &amp; Open Spaces</v>
          </cell>
          <cell r="D109">
            <v>39904</v>
          </cell>
          <cell r="E109" t="str">
            <v>32 Weeks</v>
          </cell>
          <cell r="F109">
            <v>10764</v>
          </cell>
          <cell r="G109">
            <v>11700</v>
          </cell>
          <cell r="H109" t="str">
            <v>Regular Hire</v>
          </cell>
          <cell r="I109" t="str">
            <v>GPL</v>
          </cell>
          <cell r="J109" t="str">
            <v>John Deere 900 Cylinder Mower</v>
          </cell>
        </row>
        <row r="110">
          <cell r="A110" t="str">
            <v>KE55NXA</v>
          </cell>
          <cell r="B110" t="str">
            <v>8Z016</v>
          </cell>
          <cell r="C110" t="str">
            <v>Parks &amp; Open Spaces</v>
          </cell>
          <cell r="D110">
            <v>39904</v>
          </cell>
          <cell r="E110" t="str">
            <v>32 Weeks</v>
          </cell>
          <cell r="F110">
            <v>10764</v>
          </cell>
          <cell r="G110">
            <v>11700</v>
          </cell>
          <cell r="H110" t="str">
            <v>Regular Hire</v>
          </cell>
          <cell r="I110" t="str">
            <v>GPL</v>
          </cell>
          <cell r="J110" t="str">
            <v>John Deere 900 Cylinder Mower</v>
          </cell>
        </row>
        <row r="111">
          <cell r="A111" t="str">
            <v>KE55NXB</v>
          </cell>
          <cell r="B111" t="str">
            <v>8Z025</v>
          </cell>
          <cell r="C111" t="str">
            <v>Parks &amp; Open Spaces</v>
          </cell>
          <cell r="D111">
            <v>39904</v>
          </cell>
          <cell r="E111" t="str">
            <v>32 Weeks</v>
          </cell>
          <cell r="F111">
            <v>10764</v>
          </cell>
          <cell r="G111">
            <v>11700</v>
          </cell>
          <cell r="H111" t="str">
            <v>Regular Hire</v>
          </cell>
          <cell r="I111" t="str">
            <v>GPL</v>
          </cell>
          <cell r="J111" t="str">
            <v>John Deere 900 Cylinder Mower</v>
          </cell>
        </row>
        <row r="112">
          <cell r="A112" t="str">
            <v>KE57FYR</v>
          </cell>
          <cell r="B112" t="str">
            <v>2T073</v>
          </cell>
          <cell r="C112" t="str">
            <v>Street Scene - Cleansing</v>
          </cell>
          <cell r="D112">
            <v>39408</v>
          </cell>
          <cell r="E112">
            <v>40504</v>
          </cell>
          <cell r="F112">
            <v>10652</v>
          </cell>
          <cell r="G112">
            <v>6320.5708799999993</v>
          </cell>
          <cell r="H112" t="str">
            <v>Lease</v>
          </cell>
          <cell r="I112" t="str">
            <v>SFS</v>
          </cell>
          <cell r="J112" t="str">
            <v>Izusu 3.5 tonne Caged Tipper</v>
          </cell>
        </row>
        <row r="113">
          <cell r="A113" t="str">
            <v>KF02UXB</v>
          </cell>
          <cell r="B113" t="str">
            <v>3A022</v>
          </cell>
          <cell r="C113" t="str">
            <v>Passenger Fleet</v>
          </cell>
          <cell r="D113">
            <v>37368</v>
          </cell>
          <cell r="F113">
            <v>10776</v>
          </cell>
          <cell r="G113">
            <v>9093.9249046153855</v>
          </cell>
          <cell r="H113" t="str">
            <v>Lease</v>
          </cell>
          <cell r="I113" t="str">
            <v>SFS</v>
          </cell>
          <cell r="J113" t="str">
            <v xml:space="preserve">Ford Transit W/C Accessable bus 16 seats </v>
          </cell>
        </row>
        <row r="114">
          <cell r="A114" t="str">
            <v>KF02UXS</v>
          </cell>
          <cell r="B114" t="str">
            <v>3A023</v>
          </cell>
          <cell r="C114" t="str">
            <v>Passenger Fleet</v>
          </cell>
          <cell r="D114">
            <v>37377</v>
          </cell>
          <cell r="F114">
            <v>10776</v>
          </cell>
          <cell r="G114">
            <v>9217.7940942148762</v>
          </cell>
          <cell r="H114" t="str">
            <v>Lease</v>
          </cell>
          <cell r="I114" t="str">
            <v>SFS</v>
          </cell>
          <cell r="J114" t="str">
            <v xml:space="preserve">Ford Transit W/C Accessable bus 16 seats </v>
          </cell>
        </row>
        <row r="115">
          <cell r="A115" t="str">
            <v>KG02YTT</v>
          </cell>
          <cell r="B115" t="str">
            <v>3A025</v>
          </cell>
          <cell r="C115" t="str">
            <v>Passenger Fleet</v>
          </cell>
          <cell r="D115">
            <v>37396</v>
          </cell>
          <cell r="F115">
            <v>10776</v>
          </cell>
          <cell r="G115">
            <v>8791.3548578217815</v>
          </cell>
          <cell r="H115" t="str">
            <v>Lease</v>
          </cell>
          <cell r="I115" t="str">
            <v>SFS</v>
          </cell>
          <cell r="J115" t="str">
            <v xml:space="preserve">Ford Transit W/C Accessable bus 16 seats </v>
          </cell>
        </row>
        <row r="116">
          <cell r="A116" t="str">
            <v>KG02YUV</v>
          </cell>
          <cell r="B116" t="str">
            <v>3A029</v>
          </cell>
          <cell r="C116" t="str">
            <v>Passenger Fleet</v>
          </cell>
          <cell r="D116">
            <v>37420</v>
          </cell>
          <cell r="F116">
            <v>10776</v>
          </cell>
          <cell r="G116">
            <v>9998.7903399999996</v>
          </cell>
          <cell r="H116" t="str">
            <v>Lease</v>
          </cell>
          <cell r="I116" t="str">
            <v>SFS</v>
          </cell>
          <cell r="J116" t="str">
            <v xml:space="preserve">Ford Transit W/C Accessable bus 16 seats </v>
          </cell>
        </row>
        <row r="117">
          <cell r="A117" t="str">
            <v>KG02YVT</v>
          </cell>
          <cell r="B117" t="str">
            <v>3A026</v>
          </cell>
          <cell r="C117" t="str">
            <v>Passenger Fleet</v>
          </cell>
          <cell r="D117">
            <v>37403</v>
          </cell>
          <cell r="F117">
            <v>10776</v>
          </cell>
          <cell r="G117">
            <v>8825.1244578723399</v>
          </cell>
          <cell r="H117" t="str">
            <v>Lease</v>
          </cell>
          <cell r="I117" t="str">
            <v>SFS</v>
          </cell>
          <cell r="J117" t="str">
            <v xml:space="preserve">Ford Transit W/C Accessable bus 16 seats </v>
          </cell>
        </row>
        <row r="118">
          <cell r="A118" t="str">
            <v>KG02YWL</v>
          </cell>
          <cell r="B118" t="str">
            <v>3A030</v>
          </cell>
          <cell r="C118" t="str">
            <v>Passenger Fleet</v>
          </cell>
          <cell r="D118">
            <v>37452</v>
          </cell>
          <cell r="F118">
            <v>10776</v>
          </cell>
          <cell r="G118">
            <v>9598.596066666667</v>
          </cell>
          <cell r="H118" t="str">
            <v>Lease</v>
          </cell>
          <cell r="I118" t="str">
            <v>SFS</v>
          </cell>
          <cell r="J118" t="str">
            <v xml:space="preserve">Ford Transit W/C Accessable bus 16 seats </v>
          </cell>
        </row>
        <row r="119">
          <cell r="A119" t="str">
            <v>KG02YXN</v>
          </cell>
          <cell r="B119" t="str">
            <v>3A028</v>
          </cell>
          <cell r="C119" t="str">
            <v>Passenger Fleet</v>
          </cell>
          <cell r="D119">
            <v>37412</v>
          </cell>
          <cell r="F119">
            <v>10776</v>
          </cell>
          <cell r="G119">
            <v>9956.488288235294</v>
          </cell>
          <cell r="H119" t="str">
            <v>Lease</v>
          </cell>
          <cell r="I119" t="str">
            <v>SFS</v>
          </cell>
          <cell r="J119" t="str">
            <v xml:space="preserve">Ford Transit W/C Accessable bus 16 seats </v>
          </cell>
        </row>
        <row r="120">
          <cell r="A120" t="str">
            <v>KH02OKA</v>
          </cell>
          <cell r="B120" t="str">
            <v>3A032</v>
          </cell>
          <cell r="C120" t="str">
            <v>Passenger Fleet</v>
          </cell>
          <cell r="D120">
            <v>37463</v>
          </cell>
          <cell r="F120">
            <v>10776</v>
          </cell>
          <cell r="G120">
            <v>8989.830291764707</v>
          </cell>
          <cell r="H120" t="str">
            <v>Lease</v>
          </cell>
          <cell r="I120" t="str">
            <v>SFS</v>
          </cell>
          <cell r="J120" t="str">
            <v xml:space="preserve">Ford Transit W/C Accessable bus 16 seats </v>
          </cell>
        </row>
        <row r="121">
          <cell r="A121" t="str">
            <v>KH02UDO</v>
          </cell>
          <cell r="B121" t="str">
            <v>3A033</v>
          </cell>
          <cell r="C121" t="str">
            <v>Passenger Fleet</v>
          </cell>
          <cell r="D121">
            <v>37481</v>
          </cell>
          <cell r="F121">
            <v>10776</v>
          </cell>
          <cell r="G121">
            <v>8552.7138258823543</v>
          </cell>
          <cell r="H121" t="str">
            <v>Lease</v>
          </cell>
          <cell r="I121" t="str">
            <v>SFS</v>
          </cell>
          <cell r="J121" t="str">
            <v xml:space="preserve">Ford Transit W/C Accessable bus 16 seats </v>
          </cell>
        </row>
        <row r="122">
          <cell r="A122" t="str">
            <v>KJ51DVH</v>
          </cell>
          <cell r="B122" t="str">
            <v>3A011</v>
          </cell>
          <cell r="C122" t="str">
            <v>Passenger Fleet</v>
          </cell>
          <cell r="D122">
            <v>37209</v>
          </cell>
          <cell r="F122">
            <v>10776</v>
          </cell>
          <cell r="G122">
            <v>9151.5789473684217</v>
          </cell>
          <cell r="H122" t="str">
            <v>Lease</v>
          </cell>
          <cell r="I122" t="str">
            <v>SFS</v>
          </cell>
          <cell r="J122" t="str">
            <v xml:space="preserve">Ford Transit W/C Accessable bus 16 seats </v>
          </cell>
        </row>
        <row r="123">
          <cell r="A123" t="str">
            <v>KJ51DVK</v>
          </cell>
          <cell r="B123" t="str">
            <v>3A012</v>
          </cell>
          <cell r="C123" t="str">
            <v>Passenger Fleet</v>
          </cell>
          <cell r="D123">
            <v>37209</v>
          </cell>
          <cell r="F123">
            <v>10776</v>
          </cell>
          <cell r="G123">
            <v>9151.5789473684217</v>
          </cell>
          <cell r="H123" t="str">
            <v>Lease</v>
          </cell>
          <cell r="I123" t="str">
            <v>SFS</v>
          </cell>
          <cell r="J123" t="str">
            <v xml:space="preserve">Ford Transit W/C Accessable bus 16 seats </v>
          </cell>
        </row>
        <row r="124">
          <cell r="A124" t="str">
            <v>KL02CYS</v>
          </cell>
          <cell r="B124" t="str">
            <v>3A021</v>
          </cell>
          <cell r="C124" t="str">
            <v>Passenger Fleet</v>
          </cell>
          <cell r="D124">
            <v>37348</v>
          </cell>
          <cell r="F124">
            <v>10776</v>
          </cell>
          <cell r="G124">
            <v>8864.6133333333328</v>
          </cell>
          <cell r="H124" t="str">
            <v>Lease</v>
          </cell>
          <cell r="I124" t="str">
            <v>SFS</v>
          </cell>
          <cell r="J124" t="str">
            <v xml:space="preserve">Ford Transit W/C Accessable bus 16 seats </v>
          </cell>
        </row>
        <row r="125">
          <cell r="A125" t="str">
            <v>KL02CZW</v>
          </cell>
          <cell r="B125" t="str">
            <v>3A020</v>
          </cell>
          <cell r="C125" t="str">
            <v>Passenger Fleet</v>
          </cell>
          <cell r="D125">
            <v>37341</v>
          </cell>
          <cell r="F125">
            <v>10776</v>
          </cell>
          <cell r="G125">
            <v>8605.1679533333336</v>
          </cell>
          <cell r="H125" t="str">
            <v>Lease</v>
          </cell>
          <cell r="I125" t="str">
            <v>SFS</v>
          </cell>
          <cell r="J125" t="str">
            <v xml:space="preserve">Ford Transit W/C Accessable bus 16 seats </v>
          </cell>
        </row>
        <row r="126">
          <cell r="A126" t="str">
            <v>KL02JVF</v>
          </cell>
          <cell r="B126" t="str">
            <v>3A024</v>
          </cell>
          <cell r="C126" t="str">
            <v>Passenger Fleet</v>
          </cell>
          <cell r="D126">
            <v>37386</v>
          </cell>
          <cell r="F126">
            <v>10776</v>
          </cell>
          <cell r="G126">
            <v>9874.6552686486484</v>
          </cell>
          <cell r="H126" t="str">
            <v>Lease</v>
          </cell>
          <cell r="I126" t="str">
            <v>SFS</v>
          </cell>
          <cell r="J126" t="str">
            <v xml:space="preserve">Ford Transit W/C Accessable bus 16 seats </v>
          </cell>
        </row>
        <row r="127">
          <cell r="A127" t="str">
            <v>KL02NWD</v>
          </cell>
          <cell r="B127" t="str">
            <v>3A027</v>
          </cell>
          <cell r="C127" t="str">
            <v>Passenger Fleet</v>
          </cell>
          <cell r="D127">
            <v>37412</v>
          </cell>
          <cell r="F127">
            <v>10776</v>
          </cell>
          <cell r="G127">
            <v>9956.488288235294</v>
          </cell>
          <cell r="H127" t="str">
            <v>Lease</v>
          </cell>
          <cell r="I127" t="str">
            <v>SFS</v>
          </cell>
          <cell r="J127" t="str">
            <v xml:space="preserve">Ford Transit W/C Accessable bus 16 seats </v>
          </cell>
        </row>
        <row r="128">
          <cell r="A128" t="str">
            <v>KM09LYP</v>
          </cell>
          <cell r="B128" t="str">
            <v>2Z403</v>
          </cell>
          <cell r="C128" t="str">
            <v>Parks &amp; Open Spaces</v>
          </cell>
          <cell r="D128">
            <v>39987</v>
          </cell>
          <cell r="F128">
            <v>10764</v>
          </cell>
          <cell r="G128">
            <v>6156.28</v>
          </cell>
          <cell r="H128" t="str">
            <v>Regular Hire</v>
          </cell>
          <cell r="I128" t="str">
            <v>GPL</v>
          </cell>
          <cell r="J128" t="str">
            <v>Mercedes Sprinter Crew Cab Tippers with Toe bar</v>
          </cell>
        </row>
        <row r="129">
          <cell r="A129" t="str">
            <v>KM09LZF</v>
          </cell>
          <cell r="B129" t="str">
            <v>2Z402</v>
          </cell>
          <cell r="C129" t="str">
            <v>Parks &amp; Open Spaces</v>
          </cell>
          <cell r="D129">
            <v>39987</v>
          </cell>
          <cell r="F129">
            <v>10764</v>
          </cell>
          <cell r="G129">
            <v>6156.28</v>
          </cell>
          <cell r="H129" t="str">
            <v>Regular Hire</v>
          </cell>
          <cell r="I129" t="str">
            <v>GPL</v>
          </cell>
          <cell r="J129" t="str">
            <v>Mercedes Sprinter Crew Cab Tippers with Toe bar</v>
          </cell>
        </row>
        <row r="130">
          <cell r="A130" t="str">
            <v>KM09MFZ</v>
          </cell>
          <cell r="B130" t="str">
            <v>2Z405</v>
          </cell>
          <cell r="C130" t="str">
            <v>Parks &amp; Open Spaces</v>
          </cell>
          <cell r="D130">
            <v>39987</v>
          </cell>
          <cell r="F130">
            <v>10764</v>
          </cell>
          <cell r="G130">
            <v>6156.28</v>
          </cell>
          <cell r="H130" t="str">
            <v>Regular Hire</v>
          </cell>
          <cell r="I130" t="str">
            <v>GPL</v>
          </cell>
          <cell r="J130" t="str">
            <v>Mercedes Sprinter Crew Cab Tippers with Toe bar</v>
          </cell>
        </row>
        <row r="131">
          <cell r="A131" t="str">
            <v>KM09MGX</v>
          </cell>
          <cell r="B131" t="str">
            <v>2Z406</v>
          </cell>
          <cell r="C131" t="str">
            <v>Parks &amp; Open Spaces</v>
          </cell>
          <cell r="D131">
            <v>39987</v>
          </cell>
          <cell r="F131">
            <v>10764</v>
          </cell>
          <cell r="G131">
            <v>6156.28</v>
          </cell>
          <cell r="H131" t="str">
            <v>Regular Hire</v>
          </cell>
          <cell r="I131" t="str">
            <v>GPL</v>
          </cell>
          <cell r="J131" t="str">
            <v>Mercedes Sprinter Crew Cab Tippers with Toe bar</v>
          </cell>
        </row>
        <row r="132">
          <cell r="A132" t="str">
            <v>KM09MKU</v>
          </cell>
          <cell r="B132" t="str">
            <v>2Z404</v>
          </cell>
          <cell r="C132" t="str">
            <v>Parks &amp; Open Spaces</v>
          </cell>
          <cell r="D132">
            <v>39987</v>
          </cell>
          <cell r="F132">
            <v>10764</v>
          </cell>
          <cell r="G132">
            <v>6156.28</v>
          </cell>
          <cell r="H132" t="str">
            <v>Regular Hire</v>
          </cell>
          <cell r="I132" t="str">
            <v>GPL</v>
          </cell>
          <cell r="J132" t="str">
            <v>Mercedes Sprinter Crew Cab Tippers with Toe bar</v>
          </cell>
        </row>
        <row r="133">
          <cell r="A133" t="str">
            <v>KU52LCN</v>
          </cell>
          <cell r="B133" t="str">
            <v>7L001</v>
          </cell>
          <cell r="C133" t="str">
            <v>Libraries Moblie Services</v>
          </cell>
          <cell r="D133">
            <v>37518</v>
          </cell>
          <cell r="E133">
            <v>41171</v>
          </cell>
          <cell r="F133">
            <v>10362</v>
          </cell>
          <cell r="G133">
            <v>11431.77735570776</v>
          </cell>
          <cell r="H133" t="str">
            <v>Lease</v>
          </cell>
          <cell r="I133" t="str">
            <v>SFS</v>
          </cell>
          <cell r="J133" t="str">
            <v xml:space="preserve">Iveco 75E17 Library </v>
          </cell>
        </row>
        <row r="134">
          <cell r="A134" t="str">
            <v>KX04KMY</v>
          </cell>
          <cell r="B134" t="str">
            <v>5S003</v>
          </cell>
          <cell r="C134" t="str">
            <v>Street Scene - Cleansing</v>
          </cell>
          <cell r="D134">
            <v>38146</v>
          </cell>
          <cell r="E134">
            <v>40702</v>
          </cell>
          <cell r="F134">
            <v>10652</v>
          </cell>
          <cell r="G134">
            <v>7463.5068920547947</v>
          </cell>
          <cell r="H134" t="str">
            <v>Lease</v>
          </cell>
          <cell r="I134" t="str">
            <v>SFS</v>
          </cell>
          <cell r="J134" t="str">
            <v>Iveco 18 tonne Skip Lorry</v>
          </cell>
        </row>
        <row r="135">
          <cell r="A135" t="str">
            <v>KX08DWK</v>
          </cell>
          <cell r="B135" t="str">
            <v>8Z002</v>
          </cell>
          <cell r="C135" t="str">
            <v>Highway Maintenance (10664)</v>
          </cell>
          <cell r="F135">
            <v>10664</v>
          </cell>
          <cell r="G135">
            <v>15548</v>
          </cell>
          <cell r="H135" t="str">
            <v>Regular Hire</v>
          </cell>
          <cell r="I135" t="str">
            <v>GPL</v>
          </cell>
          <cell r="J135" t="str">
            <v>JCB telehendler</v>
          </cell>
        </row>
        <row r="136">
          <cell r="A136" t="str">
            <v>KX08DWU</v>
          </cell>
          <cell r="B136" t="str">
            <v>0Z876</v>
          </cell>
          <cell r="C136" t="str">
            <v>Highway Maintenance (10620)</v>
          </cell>
          <cell r="F136">
            <v>10620</v>
          </cell>
          <cell r="G136">
            <v>15548</v>
          </cell>
          <cell r="H136" t="str">
            <v>Ad Hoc Hire</v>
          </cell>
          <cell r="I136" t="str">
            <v>GPL</v>
          </cell>
          <cell r="J136" t="str">
            <v>JCB telehendler</v>
          </cell>
        </row>
        <row r="137">
          <cell r="A137" t="str">
            <v>KX51XXA</v>
          </cell>
          <cell r="B137" t="str">
            <v>7G001</v>
          </cell>
          <cell r="C137" t="str">
            <v>Highway Maintenance (10620)</v>
          </cell>
          <cell r="D137">
            <v>37165</v>
          </cell>
          <cell r="E137">
            <v>40817</v>
          </cell>
          <cell r="F137">
            <v>10620</v>
          </cell>
          <cell r="G137">
            <v>9538.5496999999996</v>
          </cell>
          <cell r="H137" t="str">
            <v>Lease</v>
          </cell>
          <cell r="I137" t="str">
            <v>SFS</v>
          </cell>
          <cell r="J137" t="str">
            <v>Iveco 180E27 c/w Whale Gritter Body</v>
          </cell>
        </row>
        <row r="138">
          <cell r="A138" t="str">
            <v>KX51XXB</v>
          </cell>
          <cell r="B138" t="str">
            <v>7G002</v>
          </cell>
          <cell r="C138" t="str">
            <v>Highway Maintenance (10620)</v>
          </cell>
          <cell r="D138">
            <v>37165</v>
          </cell>
          <cell r="E138">
            <v>40817</v>
          </cell>
          <cell r="F138">
            <v>10620</v>
          </cell>
          <cell r="G138">
            <v>9538.5496999999996</v>
          </cell>
          <cell r="H138" t="str">
            <v>Lease</v>
          </cell>
          <cell r="I138" t="str">
            <v>SFS</v>
          </cell>
          <cell r="J138" t="str">
            <v>Iveco 180E27 c/w Whale Gritter Body</v>
          </cell>
        </row>
        <row r="139">
          <cell r="A139" t="str">
            <v>KX51XXC</v>
          </cell>
          <cell r="B139" t="str">
            <v>7G003</v>
          </cell>
          <cell r="C139" t="str">
            <v>Highway Maintenance (10620)</v>
          </cell>
          <cell r="D139">
            <v>37165</v>
          </cell>
          <cell r="E139">
            <v>40817</v>
          </cell>
          <cell r="F139">
            <v>10620</v>
          </cell>
          <cell r="G139">
            <v>9377.1071000000011</v>
          </cell>
          <cell r="H139" t="str">
            <v>Lease</v>
          </cell>
          <cell r="I139" t="str">
            <v>SFS</v>
          </cell>
          <cell r="J139" t="str">
            <v>Iveco 180E27 c/w Whale Gritter Body</v>
          </cell>
        </row>
        <row r="140">
          <cell r="A140" t="str">
            <v>KX51XXD</v>
          </cell>
          <cell r="B140" t="str">
            <v>7G004</v>
          </cell>
          <cell r="C140" t="str">
            <v>Highway Maintenance (10620)</v>
          </cell>
          <cell r="D140">
            <v>37165</v>
          </cell>
          <cell r="E140">
            <v>40817</v>
          </cell>
          <cell r="F140">
            <v>10620</v>
          </cell>
          <cell r="G140">
            <v>9377.1071000000011</v>
          </cell>
          <cell r="H140" t="str">
            <v>Lease</v>
          </cell>
          <cell r="I140" t="str">
            <v>SFS</v>
          </cell>
          <cell r="J140" t="str">
            <v>Iveco 180E27 c/w Whale Gritter Body</v>
          </cell>
        </row>
        <row r="141">
          <cell r="A141" t="str">
            <v>KX51XXE</v>
          </cell>
          <cell r="B141" t="str">
            <v>7G005</v>
          </cell>
          <cell r="C141" t="str">
            <v>Highway Maintenance (10620)</v>
          </cell>
          <cell r="D141">
            <v>37165</v>
          </cell>
          <cell r="E141">
            <v>40817</v>
          </cell>
          <cell r="F141">
            <v>10620</v>
          </cell>
          <cell r="G141">
            <v>9377.1071000000011</v>
          </cell>
          <cell r="H141" t="str">
            <v>Lease</v>
          </cell>
          <cell r="I141" t="str">
            <v>SFS</v>
          </cell>
          <cell r="J141" t="str">
            <v>Iveco 180E27 c/w Whale Gritter Body</v>
          </cell>
        </row>
        <row r="142">
          <cell r="A142" t="str">
            <v>KX51XXF</v>
          </cell>
          <cell r="B142" t="str">
            <v>7G006</v>
          </cell>
          <cell r="C142" t="str">
            <v>Highway Maintenance (10620)</v>
          </cell>
          <cell r="D142">
            <v>37165</v>
          </cell>
          <cell r="E142">
            <v>40817</v>
          </cell>
          <cell r="F142">
            <v>10620</v>
          </cell>
          <cell r="G142">
            <v>9377.1071000000011</v>
          </cell>
          <cell r="H142" t="str">
            <v>Lease</v>
          </cell>
          <cell r="I142" t="str">
            <v>SFS</v>
          </cell>
          <cell r="J142" t="str">
            <v>Iveco 180E27 c/w Whale Gritter Body</v>
          </cell>
        </row>
        <row r="143">
          <cell r="A143" t="str">
            <v>KX51XXG</v>
          </cell>
          <cell r="B143" t="str">
            <v>7G007</v>
          </cell>
          <cell r="C143" t="str">
            <v>Highway Maintenance (10620)</v>
          </cell>
          <cell r="D143">
            <v>37165</v>
          </cell>
          <cell r="E143">
            <v>40817</v>
          </cell>
          <cell r="F143">
            <v>10620</v>
          </cell>
          <cell r="G143">
            <v>9377.1071000000011</v>
          </cell>
          <cell r="H143" t="str">
            <v>Lease</v>
          </cell>
          <cell r="I143" t="str">
            <v>SFS</v>
          </cell>
          <cell r="J143" t="str">
            <v>Iveco 180E27 c/w Whale Gritter Body</v>
          </cell>
        </row>
        <row r="144">
          <cell r="A144" t="str">
            <v>KX51XXH</v>
          </cell>
          <cell r="B144" t="str">
            <v>7G008</v>
          </cell>
          <cell r="C144" t="str">
            <v>Highway Maintenance (10620)</v>
          </cell>
          <cell r="D144">
            <v>37165</v>
          </cell>
          <cell r="E144">
            <v>40817</v>
          </cell>
          <cell r="F144">
            <v>10620</v>
          </cell>
          <cell r="G144">
            <v>9377.1071000000011</v>
          </cell>
          <cell r="H144" t="str">
            <v>Lease</v>
          </cell>
          <cell r="I144" t="str">
            <v>SFS</v>
          </cell>
          <cell r="J144" t="str">
            <v>Iveco 180E27 c/w Whale Gritter Body</v>
          </cell>
        </row>
        <row r="145">
          <cell r="A145" t="str">
            <v>KX51XXJ</v>
          </cell>
          <cell r="B145" t="str">
            <v>7G009</v>
          </cell>
          <cell r="C145" t="str">
            <v>Highway Maintenance (10620)</v>
          </cell>
          <cell r="D145">
            <v>37165</v>
          </cell>
          <cell r="E145">
            <v>40817</v>
          </cell>
          <cell r="F145">
            <v>10620</v>
          </cell>
          <cell r="G145">
            <v>9377.1071000000011</v>
          </cell>
          <cell r="H145" t="str">
            <v>Lease</v>
          </cell>
          <cell r="I145" t="str">
            <v>SFS</v>
          </cell>
          <cell r="J145" t="str">
            <v>Iveco 180E27 c/w Whale Gritter Body</v>
          </cell>
        </row>
        <row r="146">
          <cell r="A146" t="str">
            <v>KX51XXZ</v>
          </cell>
          <cell r="B146" t="str">
            <v>5T001</v>
          </cell>
          <cell r="C146" t="str">
            <v>Street Scene - Refuse</v>
          </cell>
          <cell r="D146">
            <v>37179</v>
          </cell>
          <cell r="F146">
            <v>10655</v>
          </cell>
          <cell r="G146">
            <v>13270.529801324503</v>
          </cell>
          <cell r="H146" t="str">
            <v>Lease</v>
          </cell>
          <cell r="I146" t="str">
            <v>SFS</v>
          </cell>
          <cell r="J146" t="str">
            <v>Iveco 26 tonne Grab Lorry</v>
          </cell>
        </row>
        <row r="147">
          <cell r="A147" t="str">
            <v>KX54HRN</v>
          </cell>
          <cell r="B147" t="str">
            <v>5T002</v>
          </cell>
          <cell r="C147" t="str">
            <v>Highway Maintenance (10664)</v>
          </cell>
          <cell r="D147">
            <v>38320</v>
          </cell>
          <cell r="F147">
            <v>10664</v>
          </cell>
          <cell r="G147">
            <v>11257.894736842105</v>
          </cell>
          <cell r="H147" t="str">
            <v>Lease</v>
          </cell>
          <cell r="I147" t="str">
            <v>SFS</v>
          </cell>
          <cell r="J147" t="str">
            <v>Iveco 12 tonne Grab Lorry</v>
          </cell>
        </row>
        <row r="148">
          <cell r="A148" t="str">
            <v>LG09VPW</v>
          </cell>
          <cell r="B148" t="str">
            <v>1S101</v>
          </cell>
          <cell r="C148" t="str">
            <v>Mayoral Services</v>
          </cell>
          <cell r="D148">
            <v>39904</v>
          </cell>
          <cell r="E148">
            <v>40999</v>
          </cell>
          <cell r="F148">
            <v>10392</v>
          </cell>
          <cell r="G148">
            <v>9144.2000000000007</v>
          </cell>
          <cell r="H148" t="str">
            <v>Lease</v>
          </cell>
          <cell r="I148" t="str">
            <v>GPL</v>
          </cell>
          <cell r="J148" t="str">
            <v>Jaguar XJ Diesel Saloon 2.7 Tdvi Sovereign</v>
          </cell>
        </row>
        <row r="149">
          <cell r="A149" t="str">
            <v>LK07EPA</v>
          </cell>
          <cell r="B149" t="str">
            <v>4T027</v>
          </cell>
          <cell r="C149" t="str">
            <v>Barnet Homes - Caretakers</v>
          </cell>
          <cell r="D149">
            <v>39301</v>
          </cell>
          <cell r="E149">
            <v>40397</v>
          </cell>
          <cell r="F149" t="str">
            <v>External</v>
          </cell>
          <cell r="G149">
            <v>11156.953353972604</v>
          </cell>
          <cell r="H149" t="str">
            <v>Lease</v>
          </cell>
          <cell r="I149" t="str">
            <v>SFS</v>
          </cell>
          <cell r="J149" t="str">
            <v>Iveco 75E16 Tipper/Tail Lift</v>
          </cell>
        </row>
        <row r="150">
          <cell r="A150" t="str">
            <v>LK07EPC</v>
          </cell>
          <cell r="B150" t="str">
            <v>4T028</v>
          </cell>
          <cell r="C150" t="str">
            <v>Barnet Homes - Caretakers</v>
          </cell>
          <cell r="D150">
            <v>39301</v>
          </cell>
          <cell r="E150">
            <v>40397</v>
          </cell>
          <cell r="F150" t="str">
            <v>External</v>
          </cell>
          <cell r="G150">
            <v>11156.953353972604</v>
          </cell>
          <cell r="H150" t="str">
            <v>Lease</v>
          </cell>
          <cell r="I150" t="str">
            <v>SFS</v>
          </cell>
          <cell r="J150" t="str">
            <v>Iveco 75E16Tipper/Tail Lift</v>
          </cell>
        </row>
        <row r="151">
          <cell r="A151" t="str">
            <v>LK09ALU</v>
          </cell>
          <cell r="B151" t="str">
            <v>8W030</v>
          </cell>
          <cell r="C151" t="str">
            <v>Barnet Homes - Caretakers</v>
          </cell>
          <cell r="D151">
            <v>39904</v>
          </cell>
          <cell r="F151" t="str">
            <v>External</v>
          </cell>
          <cell r="G151">
            <v>10348</v>
          </cell>
          <cell r="H151" t="str">
            <v>Lease</v>
          </cell>
          <cell r="I151" t="str">
            <v>GPL</v>
          </cell>
          <cell r="J151" t="str">
            <v>Hayter 3 gang Ride on</v>
          </cell>
        </row>
        <row r="152">
          <cell r="A152" t="str">
            <v>LK57CYH</v>
          </cell>
          <cell r="B152" t="str">
            <v>4T029</v>
          </cell>
          <cell r="C152" t="str">
            <v>Barnet Homes - Caretakers</v>
          </cell>
          <cell r="D152">
            <v>39356</v>
          </cell>
          <cell r="E152">
            <v>40452</v>
          </cell>
          <cell r="F152" t="str">
            <v>External</v>
          </cell>
          <cell r="G152">
            <v>8797.4656087671246</v>
          </cell>
          <cell r="H152" t="str">
            <v>Lease</v>
          </cell>
          <cell r="I152" t="str">
            <v>SFS</v>
          </cell>
          <cell r="J152" t="str">
            <v>Iveco 4.5 tipper/Caged /Tail-lift</v>
          </cell>
        </row>
        <row r="153">
          <cell r="A153" t="str">
            <v>LM07CMO</v>
          </cell>
          <cell r="B153" t="str">
            <v>1V099</v>
          </cell>
          <cell r="C153" t="str">
            <v>Barnet Homes - Caretakers</v>
          </cell>
          <cell r="D153">
            <v>39300</v>
          </cell>
          <cell r="E153">
            <v>40396</v>
          </cell>
          <cell r="F153" t="str">
            <v>External</v>
          </cell>
          <cell r="G153">
            <v>2571.2528767123285</v>
          </cell>
          <cell r="H153" t="str">
            <v>Lease</v>
          </cell>
          <cell r="I153" t="str">
            <v>SFS</v>
          </cell>
          <cell r="J153" t="str">
            <v>Vauxhall Combi Van</v>
          </cell>
        </row>
        <row r="154">
          <cell r="A154" t="str">
            <v>LM53ZKN</v>
          </cell>
          <cell r="B154" t="str">
            <v>1M294</v>
          </cell>
          <cell r="C154" t="str">
            <v>Parking</v>
          </cell>
          <cell r="D154">
            <v>38030</v>
          </cell>
          <cell r="F154">
            <v>10646</v>
          </cell>
          <cell r="G154">
            <v>0</v>
          </cell>
          <cell r="H154" t="str">
            <v>Barnet Owned</v>
          </cell>
          <cell r="I154" t="str">
            <v>N/A</v>
          </cell>
          <cell r="J154" t="str">
            <v>Motorbikes</v>
          </cell>
        </row>
        <row r="155">
          <cell r="A155" t="str">
            <v>LM56GKA</v>
          </cell>
          <cell r="B155" t="str">
            <v>1V095</v>
          </cell>
          <cell r="C155" t="str">
            <v>Street Scene - Refuse</v>
          </cell>
          <cell r="D155">
            <v>39105</v>
          </cell>
          <cell r="E155">
            <v>40201</v>
          </cell>
          <cell r="F155">
            <v>10655</v>
          </cell>
          <cell r="G155">
            <v>4690.1586600000001</v>
          </cell>
          <cell r="H155" t="str">
            <v>Lease</v>
          </cell>
          <cell r="I155" t="str">
            <v>SFS</v>
          </cell>
          <cell r="J155" t="str">
            <v>Vauxhall Combo Crew Van</v>
          </cell>
        </row>
        <row r="156">
          <cell r="A156" t="str">
            <v>LM58VJO</v>
          </cell>
          <cell r="B156" t="str">
            <v>1H102</v>
          </cell>
          <cell r="C156" t="str">
            <v>Parking</v>
          </cell>
          <cell r="D156">
            <v>39904</v>
          </cell>
          <cell r="F156">
            <v>10646</v>
          </cell>
          <cell r="G156">
            <v>0</v>
          </cell>
          <cell r="H156" t="str">
            <v>Lease</v>
          </cell>
          <cell r="I156" t="str">
            <v>1st Line Motorcycle</v>
          </cell>
          <cell r="J156" t="str">
            <v>Honda Psi Scooter</v>
          </cell>
        </row>
        <row r="157">
          <cell r="A157" t="str">
            <v>LM58VJP</v>
          </cell>
          <cell r="B157" t="str">
            <v>1H103</v>
          </cell>
          <cell r="C157" t="str">
            <v>Parking</v>
          </cell>
          <cell r="D157">
            <v>39904</v>
          </cell>
          <cell r="F157">
            <v>10646</v>
          </cell>
          <cell r="G157">
            <v>0</v>
          </cell>
          <cell r="H157" t="str">
            <v>Lease</v>
          </cell>
          <cell r="I157" t="str">
            <v>1st Line Motorcycle</v>
          </cell>
          <cell r="J157" t="str">
            <v>Honda Psi Scooter</v>
          </cell>
        </row>
        <row r="158">
          <cell r="A158" t="str">
            <v>LM58VJV</v>
          </cell>
          <cell r="B158" t="str">
            <v>1H105</v>
          </cell>
          <cell r="C158" t="str">
            <v>Parking</v>
          </cell>
          <cell r="D158">
            <v>39904</v>
          </cell>
          <cell r="F158">
            <v>10646</v>
          </cell>
          <cell r="G158">
            <v>0</v>
          </cell>
          <cell r="H158" t="str">
            <v>Lease</v>
          </cell>
          <cell r="I158" t="str">
            <v>1st Line Motorcycle</v>
          </cell>
          <cell r="J158" t="str">
            <v>Honda Psi Scooter</v>
          </cell>
        </row>
        <row r="159">
          <cell r="A159" t="str">
            <v>LM58VJX</v>
          </cell>
          <cell r="B159" t="str">
            <v>1H106</v>
          </cell>
          <cell r="C159" t="str">
            <v>Parking</v>
          </cell>
          <cell r="D159">
            <v>39904</v>
          </cell>
          <cell r="F159">
            <v>10646</v>
          </cell>
          <cell r="G159">
            <v>0</v>
          </cell>
          <cell r="H159" t="str">
            <v>Lease</v>
          </cell>
          <cell r="I159" t="str">
            <v>1st Line Motorcycle</v>
          </cell>
          <cell r="J159" t="str">
            <v>Honda Psi Scooter</v>
          </cell>
        </row>
        <row r="160">
          <cell r="A160" t="str">
            <v>LM58VJY</v>
          </cell>
          <cell r="B160" t="str">
            <v>1H107</v>
          </cell>
          <cell r="C160" t="str">
            <v>Parking</v>
          </cell>
          <cell r="D160">
            <v>39904</v>
          </cell>
          <cell r="F160">
            <v>10646</v>
          </cell>
          <cell r="G160">
            <v>0</v>
          </cell>
          <cell r="H160" t="str">
            <v>Lease</v>
          </cell>
          <cell r="I160" t="str">
            <v>1st Line Motorcycle</v>
          </cell>
          <cell r="J160" t="str">
            <v>Honda Psi Scooter</v>
          </cell>
        </row>
        <row r="161">
          <cell r="A161" t="str">
            <v>LM58VJZ</v>
          </cell>
          <cell r="B161" t="str">
            <v>1H108</v>
          </cell>
          <cell r="C161" t="str">
            <v>Parking</v>
          </cell>
          <cell r="D161">
            <v>39904</v>
          </cell>
          <cell r="F161">
            <v>10646</v>
          </cell>
          <cell r="G161">
            <v>0</v>
          </cell>
          <cell r="H161" t="str">
            <v>Lease</v>
          </cell>
          <cell r="I161" t="str">
            <v>1st Line Motorcycle</v>
          </cell>
          <cell r="J161" t="str">
            <v>Honda Psi Scooter</v>
          </cell>
        </row>
        <row r="162">
          <cell r="A162" t="str">
            <v>LN07UKE</v>
          </cell>
          <cell r="B162" t="str">
            <v>2T070</v>
          </cell>
          <cell r="C162" t="str">
            <v>Street Scene - Cleansing</v>
          </cell>
          <cell r="D162">
            <v>39153</v>
          </cell>
          <cell r="E162">
            <v>40249</v>
          </cell>
          <cell r="F162">
            <v>10652</v>
          </cell>
          <cell r="G162">
            <v>10977.617099999999</v>
          </cell>
          <cell r="H162" t="str">
            <v>Lease</v>
          </cell>
          <cell r="I162" t="str">
            <v>SFS</v>
          </cell>
          <cell r="J162" t="str">
            <v xml:space="preserve">Ford Transit 350 Crewcab caged Tipper </v>
          </cell>
        </row>
        <row r="163">
          <cell r="A163" t="str">
            <v>LN07UKG</v>
          </cell>
          <cell r="B163" t="str">
            <v>2T068</v>
          </cell>
          <cell r="C163" t="str">
            <v>Street Scene - Cleansing</v>
          </cell>
          <cell r="D163">
            <v>39153</v>
          </cell>
          <cell r="E163">
            <v>40249</v>
          </cell>
          <cell r="F163">
            <v>10652</v>
          </cell>
          <cell r="G163">
            <v>10977.617099999999</v>
          </cell>
          <cell r="H163" t="str">
            <v>Lease</v>
          </cell>
          <cell r="I163" t="str">
            <v>SFS</v>
          </cell>
          <cell r="J163" t="str">
            <v xml:space="preserve">Ford Transit 350 Crewcab caged Tipper </v>
          </cell>
        </row>
        <row r="164">
          <cell r="A164" t="str">
            <v>LN07UKT</v>
          </cell>
          <cell r="B164" t="str">
            <v>2T066</v>
          </cell>
          <cell r="C164" t="str">
            <v>Street Scene - Cleansing</v>
          </cell>
          <cell r="D164">
            <v>39160</v>
          </cell>
          <cell r="E164">
            <v>40256</v>
          </cell>
          <cell r="F164">
            <v>10652</v>
          </cell>
          <cell r="G164">
            <v>11200.351360000001</v>
          </cell>
          <cell r="H164" t="str">
            <v>Lease</v>
          </cell>
          <cell r="I164" t="str">
            <v>SFS</v>
          </cell>
          <cell r="J164" t="str">
            <v xml:space="preserve">Ford Transit 350 Crewcab caged Tipper </v>
          </cell>
        </row>
        <row r="165">
          <cell r="A165" t="str">
            <v>LN07UKU</v>
          </cell>
          <cell r="B165" t="str">
            <v>2T065</v>
          </cell>
          <cell r="C165" t="str">
            <v>Street Scene - Cleansing</v>
          </cell>
          <cell r="D165">
            <v>39160</v>
          </cell>
          <cell r="E165">
            <v>40256</v>
          </cell>
          <cell r="F165">
            <v>10652</v>
          </cell>
          <cell r="G165">
            <v>11200.351360000001</v>
          </cell>
          <cell r="H165" t="str">
            <v>Lease</v>
          </cell>
          <cell r="I165" t="str">
            <v>SFS</v>
          </cell>
          <cell r="J165" t="str">
            <v xml:space="preserve">Ford Transit 350 Crewcab caged Tipper </v>
          </cell>
        </row>
        <row r="166">
          <cell r="A166" t="str">
            <v>LN07UKV</v>
          </cell>
          <cell r="B166" t="str">
            <v>2T069</v>
          </cell>
          <cell r="C166" t="str">
            <v>Street Scene - Cleansing</v>
          </cell>
          <cell r="D166">
            <v>39162</v>
          </cell>
          <cell r="E166">
            <v>40258</v>
          </cell>
          <cell r="F166">
            <v>10652</v>
          </cell>
          <cell r="G166">
            <v>11263.98972</v>
          </cell>
          <cell r="H166" t="str">
            <v>Lease</v>
          </cell>
          <cell r="I166" t="str">
            <v>SFS</v>
          </cell>
          <cell r="J166" t="str">
            <v xml:space="preserve">Ford Transit 350 Crewcab caged Tipper </v>
          </cell>
        </row>
        <row r="167">
          <cell r="A167" t="str">
            <v>LN56RZX</v>
          </cell>
          <cell r="B167" t="str">
            <v>1V096</v>
          </cell>
          <cell r="C167" t="str">
            <v>Street Scene - Cleansing</v>
          </cell>
          <cell r="D167">
            <v>39105</v>
          </cell>
          <cell r="E167">
            <v>40201</v>
          </cell>
          <cell r="F167">
            <v>10652</v>
          </cell>
          <cell r="G167">
            <v>4654.3582799999995</v>
          </cell>
          <cell r="H167" t="str">
            <v>Lease</v>
          </cell>
          <cell r="I167" t="str">
            <v>SFS</v>
          </cell>
          <cell r="J167" t="str">
            <v>Vauxhall Combo Crew Van</v>
          </cell>
        </row>
        <row r="168">
          <cell r="A168" t="str">
            <v>LN56TZG</v>
          </cell>
          <cell r="B168" t="str">
            <v>2T054</v>
          </cell>
          <cell r="C168" t="str">
            <v>Parks &amp; Open Spaces</v>
          </cell>
          <cell r="D168">
            <v>39098</v>
          </cell>
          <cell r="E168">
            <v>40194</v>
          </cell>
          <cell r="F168">
            <v>10764</v>
          </cell>
          <cell r="G168">
            <v>7757.2580800000005</v>
          </cell>
          <cell r="H168" t="str">
            <v>Lease</v>
          </cell>
          <cell r="I168" t="str">
            <v>SFS</v>
          </cell>
          <cell r="J168" t="str">
            <v>Ford Transit 350 Crewcab Tipper tow hitch</v>
          </cell>
        </row>
        <row r="169">
          <cell r="A169" t="str">
            <v>LN56TZK</v>
          </cell>
          <cell r="B169" t="str">
            <v>2T055</v>
          </cell>
          <cell r="C169" t="str">
            <v>Parks &amp; Open Spaces</v>
          </cell>
          <cell r="D169">
            <v>39098</v>
          </cell>
          <cell r="E169">
            <v>40194</v>
          </cell>
          <cell r="F169">
            <v>10764</v>
          </cell>
          <cell r="G169">
            <v>7865.7512000000006</v>
          </cell>
          <cell r="H169" t="str">
            <v>Lease</v>
          </cell>
          <cell r="I169" t="str">
            <v>SFS</v>
          </cell>
          <cell r="J169" t="str">
            <v>Ford Transit 350 Crewcab Tipper tow hitch</v>
          </cell>
        </row>
        <row r="170">
          <cell r="A170" t="str">
            <v>LN56UAC</v>
          </cell>
          <cell r="B170" t="str">
            <v>2T067</v>
          </cell>
          <cell r="C170" t="str">
            <v>Street Scene - Cleansing</v>
          </cell>
          <cell r="D170">
            <v>39147</v>
          </cell>
          <cell r="E170">
            <v>40243</v>
          </cell>
          <cell r="F170">
            <v>10652</v>
          </cell>
          <cell r="G170">
            <v>10786.702020000001</v>
          </cell>
          <cell r="H170" t="str">
            <v>Lease</v>
          </cell>
          <cell r="I170" t="str">
            <v>SFS</v>
          </cell>
          <cell r="J170" t="str">
            <v xml:space="preserve">Ford Transit 350 Crewcab caged Tipper </v>
          </cell>
        </row>
        <row r="171">
          <cell r="A171" t="str">
            <v>LN56UBG</v>
          </cell>
          <cell r="B171" t="str">
            <v>2T056</v>
          </cell>
          <cell r="C171" t="str">
            <v>Parks &amp; Open Spaces</v>
          </cell>
          <cell r="D171">
            <v>39098</v>
          </cell>
          <cell r="E171">
            <v>40194</v>
          </cell>
          <cell r="F171">
            <v>10764</v>
          </cell>
          <cell r="G171">
            <v>7865.7512000000006</v>
          </cell>
          <cell r="H171" t="str">
            <v>Lease</v>
          </cell>
          <cell r="I171" t="str">
            <v>SFS</v>
          </cell>
          <cell r="J171" t="str">
            <v>Ford Transit 350 Crewcab Tipper tow hitch</v>
          </cell>
        </row>
        <row r="172">
          <cell r="A172" t="str">
            <v>LN56UBJ</v>
          </cell>
          <cell r="B172" t="str">
            <v>2T057</v>
          </cell>
          <cell r="C172" t="str">
            <v>Parks &amp; Open Spaces</v>
          </cell>
          <cell r="D172">
            <v>39098</v>
          </cell>
          <cell r="E172">
            <v>40194</v>
          </cell>
          <cell r="F172">
            <v>10764</v>
          </cell>
          <cell r="G172">
            <v>7865.7512000000006</v>
          </cell>
          <cell r="H172" t="str">
            <v>Lease</v>
          </cell>
          <cell r="I172" t="str">
            <v>SFS</v>
          </cell>
          <cell r="J172" t="str">
            <v>Ford Transit 350 Crewcab Tipper tow hitch</v>
          </cell>
        </row>
        <row r="173">
          <cell r="A173" t="str">
            <v>LN56UBL</v>
          </cell>
          <cell r="B173" t="str">
            <v>2T058</v>
          </cell>
          <cell r="C173" t="str">
            <v>Parks &amp; Open Spaces</v>
          </cell>
          <cell r="D173">
            <v>39098</v>
          </cell>
          <cell r="E173">
            <v>40194</v>
          </cell>
          <cell r="F173">
            <v>10764</v>
          </cell>
          <cell r="G173">
            <v>7865.7512000000006</v>
          </cell>
          <cell r="H173" t="str">
            <v>Lease</v>
          </cell>
          <cell r="I173" t="str">
            <v>SFS</v>
          </cell>
          <cell r="J173" t="str">
            <v>Ford Transit 350 Crewcab Tipper tow hitch</v>
          </cell>
        </row>
        <row r="174">
          <cell r="A174" t="str">
            <v>LN56UBO</v>
          </cell>
          <cell r="B174" t="str">
            <v>2T059</v>
          </cell>
          <cell r="C174" t="str">
            <v>Parks &amp; Open Spaces</v>
          </cell>
          <cell r="D174">
            <v>39098</v>
          </cell>
          <cell r="E174">
            <v>40194</v>
          </cell>
          <cell r="F174">
            <v>10764</v>
          </cell>
          <cell r="G174">
            <v>7757.2580800000005</v>
          </cell>
          <cell r="H174" t="str">
            <v>Lease</v>
          </cell>
          <cell r="I174" t="str">
            <v>SFS</v>
          </cell>
          <cell r="J174" t="str">
            <v>Ford Transit 350 Crewcab Tipper tow hitch</v>
          </cell>
        </row>
        <row r="175">
          <cell r="A175" t="str">
            <v>LN57WVU</v>
          </cell>
          <cell r="B175" t="str">
            <v>2G076</v>
          </cell>
          <cell r="C175" t="str">
            <v>Barnet Homes - Caretakers</v>
          </cell>
          <cell r="D175">
            <v>39328</v>
          </cell>
          <cell r="E175">
            <v>40424</v>
          </cell>
          <cell r="F175" t="str">
            <v>External</v>
          </cell>
          <cell r="G175">
            <v>3622.5539262100456</v>
          </cell>
          <cell r="H175" t="str">
            <v>Lease</v>
          </cell>
          <cell r="I175" t="str">
            <v>SFS</v>
          </cell>
          <cell r="J175" t="str">
            <v>Ford Transit Medium Roof</v>
          </cell>
        </row>
        <row r="176">
          <cell r="A176" t="str">
            <v>LN57WVV</v>
          </cell>
          <cell r="B176" t="str">
            <v>2G077</v>
          </cell>
          <cell r="C176" t="str">
            <v>Barnet Homes - Caretakers</v>
          </cell>
          <cell r="D176">
            <v>39328</v>
          </cell>
          <cell r="E176">
            <v>40424</v>
          </cell>
          <cell r="F176" t="str">
            <v>External</v>
          </cell>
          <cell r="G176">
            <v>3622.5539262100456</v>
          </cell>
          <cell r="H176" t="str">
            <v>Lease</v>
          </cell>
          <cell r="I176" t="str">
            <v>SFS</v>
          </cell>
          <cell r="J176" t="str">
            <v>Ford Transit Medium Roof</v>
          </cell>
        </row>
        <row r="177">
          <cell r="A177" t="str">
            <v>LN57WVW</v>
          </cell>
          <cell r="B177" t="str">
            <v>2G078</v>
          </cell>
          <cell r="C177" t="str">
            <v>Barnet Homes - Caretakers</v>
          </cell>
          <cell r="D177">
            <v>39328</v>
          </cell>
          <cell r="E177">
            <v>40424</v>
          </cell>
          <cell r="F177" t="str">
            <v>External</v>
          </cell>
          <cell r="G177">
            <v>3622.5539262100456</v>
          </cell>
          <cell r="H177" t="str">
            <v>Lease</v>
          </cell>
          <cell r="I177" t="str">
            <v>SFS</v>
          </cell>
          <cell r="J177" t="str">
            <v>Ford Transit Medium Roof</v>
          </cell>
        </row>
        <row r="178">
          <cell r="A178" t="str">
            <v>LN57WVX</v>
          </cell>
          <cell r="B178" t="str">
            <v>2G079</v>
          </cell>
          <cell r="C178" t="str">
            <v>Barnet Homes - Caretakers</v>
          </cell>
          <cell r="D178">
            <v>39328</v>
          </cell>
          <cell r="E178">
            <v>40424</v>
          </cell>
          <cell r="F178" t="str">
            <v>External</v>
          </cell>
          <cell r="G178">
            <v>3622.5539262100456</v>
          </cell>
          <cell r="H178" t="str">
            <v>Lease</v>
          </cell>
          <cell r="I178" t="str">
            <v>SFS</v>
          </cell>
          <cell r="J178" t="str">
            <v>Ford Transit Medium Roof</v>
          </cell>
        </row>
        <row r="179">
          <cell r="A179" t="str">
            <v>LN57XBA</v>
          </cell>
          <cell r="B179" t="str">
            <v>2G080</v>
          </cell>
          <cell r="C179" t="str">
            <v>Barnet Homes - Caretakers</v>
          </cell>
          <cell r="D179">
            <v>39486</v>
          </cell>
          <cell r="E179">
            <v>41313</v>
          </cell>
          <cell r="F179" t="str">
            <v>External</v>
          </cell>
          <cell r="G179">
            <v>12026.3012</v>
          </cell>
          <cell r="H179" t="str">
            <v>Lease</v>
          </cell>
          <cell r="I179" t="str">
            <v>SFS</v>
          </cell>
          <cell r="J179" t="str">
            <v>Ford Transit Medium Roof- Grafitti</v>
          </cell>
        </row>
        <row r="180">
          <cell r="A180" t="str">
            <v>LR09UKJ</v>
          </cell>
          <cell r="B180" t="str">
            <v>2Z418</v>
          </cell>
          <cell r="C180" t="str">
            <v>Libraries</v>
          </cell>
          <cell r="D180">
            <v>40135</v>
          </cell>
          <cell r="E180">
            <v>40143</v>
          </cell>
          <cell r="F180">
            <v>10347</v>
          </cell>
          <cell r="H180" t="str">
            <v>Ad Hoc Hire</v>
          </cell>
          <cell r="I180" t="str">
            <v>GPL</v>
          </cell>
        </row>
        <row r="181">
          <cell r="A181" t="str">
            <v>LR56OCC</v>
          </cell>
          <cell r="B181" t="str">
            <v>1V090</v>
          </cell>
          <cell r="C181" t="str">
            <v>Street Scene - Cleansing</v>
          </cell>
          <cell r="D181">
            <v>39036</v>
          </cell>
          <cell r="E181">
            <v>40132</v>
          </cell>
          <cell r="F181">
            <v>10652</v>
          </cell>
          <cell r="G181">
            <v>2750.0384199999999</v>
          </cell>
          <cell r="H181" t="str">
            <v>Lease</v>
          </cell>
          <cell r="I181" t="str">
            <v>SFS</v>
          </cell>
          <cell r="J181" t="str">
            <v>Vauxhall Corsa Van</v>
          </cell>
        </row>
        <row r="182">
          <cell r="A182" t="str">
            <v>LR56OCH</v>
          </cell>
          <cell r="B182" t="str">
            <v>1V091</v>
          </cell>
          <cell r="C182" t="str">
            <v>Street Scene - Cleansing</v>
          </cell>
          <cell r="D182">
            <v>39036</v>
          </cell>
          <cell r="E182">
            <v>40132</v>
          </cell>
          <cell r="F182">
            <v>10652</v>
          </cell>
          <cell r="G182">
            <v>2750.0384199999999</v>
          </cell>
          <cell r="H182" t="str">
            <v>Lease</v>
          </cell>
          <cell r="I182" t="str">
            <v>SFS</v>
          </cell>
          <cell r="J182" t="str">
            <v>Vauxhall Corsa Van</v>
          </cell>
        </row>
        <row r="183">
          <cell r="A183" t="str">
            <v>LR56OEX</v>
          </cell>
          <cell r="B183" t="str">
            <v>1V092</v>
          </cell>
          <cell r="C183" t="str">
            <v>Street Scene - Cleansing</v>
          </cell>
          <cell r="D183">
            <v>39036</v>
          </cell>
          <cell r="E183">
            <v>40132</v>
          </cell>
          <cell r="F183">
            <v>10652</v>
          </cell>
          <cell r="G183">
            <v>2750.0384199999999</v>
          </cell>
          <cell r="H183" t="str">
            <v>Lease</v>
          </cell>
          <cell r="I183" t="str">
            <v>SFS</v>
          </cell>
          <cell r="J183" t="str">
            <v>Vauxhall Corsa Van</v>
          </cell>
        </row>
        <row r="184">
          <cell r="A184" t="str">
            <v>LR56OFE</v>
          </cell>
          <cell r="B184" t="str">
            <v>1V094</v>
          </cell>
          <cell r="C184" t="str">
            <v>Street Scene - Cleansing</v>
          </cell>
          <cell r="D184">
            <v>39022</v>
          </cell>
          <cell r="E184">
            <v>40118</v>
          </cell>
          <cell r="F184">
            <v>10652</v>
          </cell>
          <cell r="G184">
            <v>2549.3918400000002</v>
          </cell>
          <cell r="H184" t="str">
            <v>Lease</v>
          </cell>
          <cell r="I184" t="str">
            <v>SFS</v>
          </cell>
          <cell r="J184" t="str">
            <v>Vauxhall Corsa Van</v>
          </cell>
        </row>
        <row r="185">
          <cell r="A185" t="str">
            <v>LR56OFH</v>
          </cell>
          <cell r="B185" t="str">
            <v>1V093</v>
          </cell>
          <cell r="C185" t="str">
            <v>Street Scene - Refuse</v>
          </cell>
          <cell r="D185">
            <v>39022</v>
          </cell>
          <cell r="E185">
            <v>40118</v>
          </cell>
          <cell r="F185">
            <v>10655</v>
          </cell>
          <cell r="G185">
            <v>2549.3918400000002</v>
          </cell>
          <cell r="H185" t="str">
            <v>Lease</v>
          </cell>
          <cell r="I185" t="str">
            <v>SFS</v>
          </cell>
          <cell r="J185" t="str">
            <v>Vauxhall Corsa Van</v>
          </cell>
        </row>
        <row r="186">
          <cell r="A186" t="str">
            <v>LR56OJA</v>
          </cell>
          <cell r="B186" t="str">
            <v>1V097</v>
          </cell>
          <cell r="C186" t="str">
            <v>Street Scene - Cleansing</v>
          </cell>
          <cell r="D186">
            <v>39105</v>
          </cell>
          <cell r="E186">
            <v>40201</v>
          </cell>
          <cell r="F186">
            <v>10652</v>
          </cell>
          <cell r="G186">
            <v>4654.3582799999995</v>
          </cell>
          <cell r="H186" t="str">
            <v>Lease</v>
          </cell>
          <cell r="I186" t="str">
            <v>SFS</v>
          </cell>
          <cell r="J186" t="str">
            <v>Vauxhall Combo Crew Van</v>
          </cell>
        </row>
        <row r="187">
          <cell r="A187" t="str">
            <v>LR56OJJ</v>
          </cell>
          <cell r="B187" t="str">
            <v>1V098</v>
          </cell>
          <cell r="C187" t="str">
            <v>Street Scene - Refuse</v>
          </cell>
          <cell r="D187">
            <v>39105</v>
          </cell>
          <cell r="E187">
            <v>40201</v>
          </cell>
          <cell r="F187">
            <v>10655</v>
          </cell>
          <cell r="G187">
            <v>4690.1586600000001</v>
          </cell>
          <cell r="H187" t="str">
            <v>Lease</v>
          </cell>
          <cell r="I187" t="str">
            <v>SFS</v>
          </cell>
          <cell r="J187" t="str">
            <v>Vauxhall Combo Crew Van</v>
          </cell>
        </row>
        <row r="188">
          <cell r="A188" t="str">
            <v>LS06DYN</v>
          </cell>
          <cell r="B188" t="str">
            <v>1V089</v>
          </cell>
          <cell r="C188" t="str">
            <v>Parks &amp; Open Spaces</v>
          </cell>
          <cell r="D188">
            <v>38901</v>
          </cell>
          <cell r="F188">
            <v>10764</v>
          </cell>
          <cell r="G188">
            <v>3427.1477777777777</v>
          </cell>
          <cell r="H188" t="str">
            <v>Lease</v>
          </cell>
          <cell r="I188" t="str">
            <v>SFS</v>
          </cell>
          <cell r="J188" t="str">
            <v>Ford Ranger single cab pickup</v>
          </cell>
        </row>
        <row r="189">
          <cell r="A189" t="str">
            <v>LS06DZC</v>
          </cell>
          <cell r="B189" t="str">
            <v>2T050</v>
          </cell>
          <cell r="C189" t="str">
            <v>Parks &amp; Open Spaces</v>
          </cell>
          <cell r="D189">
            <v>38929</v>
          </cell>
          <cell r="F189">
            <v>10764</v>
          </cell>
          <cell r="G189">
            <v>5127.96</v>
          </cell>
          <cell r="H189" t="str">
            <v>Lease</v>
          </cell>
          <cell r="I189" t="str">
            <v>SFS</v>
          </cell>
          <cell r="J189" t="str">
            <v xml:space="preserve">Ford Transit 350 Crewcab Tipper </v>
          </cell>
        </row>
        <row r="190">
          <cell r="A190" t="str">
            <v>LS56FKR</v>
          </cell>
          <cell r="B190" t="str">
            <v>2T060</v>
          </cell>
          <cell r="C190" t="str">
            <v>Street Scene - Cleansing</v>
          </cell>
          <cell r="D190">
            <v>39111</v>
          </cell>
          <cell r="E190">
            <v>40207</v>
          </cell>
          <cell r="F190">
            <v>10652</v>
          </cell>
          <cell r="G190">
            <v>9641.2115400000002</v>
          </cell>
          <cell r="H190" t="str">
            <v>Lease</v>
          </cell>
          <cell r="I190" t="str">
            <v>SFS</v>
          </cell>
          <cell r="J190" t="str">
            <v xml:space="preserve">Ford Transit 350 Crewcab caged Tipper </v>
          </cell>
        </row>
        <row r="191">
          <cell r="A191" t="str">
            <v>LT04FLH</v>
          </cell>
          <cell r="B191" t="str">
            <v>2G040</v>
          </cell>
          <cell r="C191" t="str">
            <v>Parks &amp; Open Spaces</v>
          </cell>
          <cell r="D191">
            <v>38047</v>
          </cell>
          <cell r="F191">
            <v>10764</v>
          </cell>
          <cell r="G191">
            <v>3645.2897666666663</v>
          </cell>
          <cell r="H191" t="str">
            <v>Lease</v>
          </cell>
          <cell r="I191" t="str">
            <v>SFS</v>
          </cell>
          <cell r="J191" t="str">
            <v>Ford Transit 350 Van</v>
          </cell>
        </row>
        <row r="192">
          <cell r="A192" t="str">
            <v>LT06BOJ</v>
          </cell>
          <cell r="B192" t="str">
            <v>2T052</v>
          </cell>
          <cell r="C192" t="str">
            <v>Parks &amp; Open Spaces</v>
          </cell>
          <cell r="D192">
            <v>38939</v>
          </cell>
          <cell r="F192">
            <v>10764</v>
          </cell>
          <cell r="G192">
            <v>5127.96</v>
          </cell>
          <cell r="H192" t="str">
            <v>Lease</v>
          </cell>
          <cell r="I192" t="str">
            <v>SFS</v>
          </cell>
          <cell r="J192" t="str">
            <v xml:space="preserve">Ford Transit 350 Crewcab Tipper </v>
          </cell>
        </row>
        <row r="193">
          <cell r="A193" t="str">
            <v>LT06BOV</v>
          </cell>
          <cell r="B193" t="str">
            <v>2G073</v>
          </cell>
          <cell r="C193" t="str">
            <v>Parks &amp; Open Spaces</v>
          </cell>
          <cell r="D193">
            <v>38841</v>
          </cell>
          <cell r="F193">
            <v>10764</v>
          </cell>
          <cell r="G193">
            <v>2680.0656051282049</v>
          </cell>
          <cell r="H193" t="str">
            <v>Lease</v>
          </cell>
          <cell r="I193" t="str">
            <v>SFS</v>
          </cell>
          <cell r="J193" t="str">
            <v>Ford Transit Connect</v>
          </cell>
        </row>
        <row r="194">
          <cell r="A194" t="str">
            <v>LT06BPF</v>
          </cell>
          <cell r="B194" t="str">
            <v>2G075</v>
          </cell>
          <cell r="C194" t="str">
            <v>Environmental Health</v>
          </cell>
          <cell r="D194">
            <v>38841</v>
          </cell>
          <cell r="F194">
            <v>10958</v>
          </cell>
          <cell r="G194">
            <v>2602.5922010256413</v>
          </cell>
          <cell r="H194" t="str">
            <v>Lease</v>
          </cell>
          <cell r="I194" t="str">
            <v>SFS</v>
          </cell>
          <cell r="J194" t="str">
            <v>Ford Transit Connect</v>
          </cell>
        </row>
        <row r="195">
          <cell r="A195" t="str">
            <v>LT06BPO</v>
          </cell>
          <cell r="B195" t="str">
            <v>2G074</v>
          </cell>
          <cell r="C195" t="str">
            <v>Parks &amp; Open Spaces</v>
          </cell>
          <cell r="D195">
            <v>38841</v>
          </cell>
          <cell r="F195">
            <v>10764</v>
          </cell>
          <cell r="G195">
            <v>2680.0656051282049</v>
          </cell>
          <cell r="H195" t="str">
            <v>Lease</v>
          </cell>
          <cell r="I195" t="str">
            <v>SFS</v>
          </cell>
          <cell r="J195" t="str">
            <v>Ford Transit Connect</v>
          </cell>
        </row>
        <row r="196">
          <cell r="A196" t="str">
            <v>LT06BPV</v>
          </cell>
          <cell r="B196" t="str">
            <v>2G072</v>
          </cell>
          <cell r="C196" t="str">
            <v>Parks &amp; Open Spaces</v>
          </cell>
          <cell r="D196">
            <v>38841</v>
          </cell>
          <cell r="F196">
            <v>10764</v>
          </cell>
          <cell r="G196">
            <v>2680.0656051282049</v>
          </cell>
          <cell r="H196" t="str">
            <v>Lease</v>
          </cell>
          <cell r="I196" t="str">
            <v>SFS</v>
          </cell>
          <cell r="J196" t="str">
            <v>Ford Transit Connect</v>
          </cell>
        </row>
        <row r="197">
          <cell r="A197" t="str">
            <v>LT06BUF</v>
          </cell>
          <cell r="B197" t="str">
            <v>2T051</v>
          </cell>
          <cell r="C197" t="str">
            <v>Parks &amp; Open Spaces</v>
          </cell>
          <cell r="D197">
            <v>38939</v>
          </cell>
          <cell r="F197">
            <v>10764</v>
          </cell>
          <cell r="G197">
            <v>5127.96</v>
          </cell>
          <cell r="H197" t="str">
            <v>Lease</v>
          </cell>
          <cell r="I197" t="str">
            <v>SFS</v>
          </cell>
          <cell r="J197" t="str">
            <v xml:space="preserve">Ford Transit 350 Crewcab Tipper </v>
          </cell>
        </row>
        <row r="198">
          <cell r="A198" t="str">
            <v>LT07YRX</v>
          </cell>
          <cell r="B198" t="str">
            <v>2T071</v>
          </cell>
          <cell r="C198" t="str">
            <v>Street Scene - Cleansing</v>
          </cell>
          <cell r="D198">
            <v>39163</v>
          </cell>
          <cell r="E198">
            <v>40259</v>
          </cell>
          <cell r="F198">
            <v>10652</v>
          </cell>
          <cell r="G198">
            <v>11295.8089</v>
          </cell>
          <cell r="H198" t="str">
            <v>Lease</v>
          </cell>
          <cell r="I198" t="str">
            <v>SFS</v>
          </cell>
          <cell r="J198" t="str">
            <v xml:space="preserve">Ford Transit 350 Crewcab caged Tipper </v>
          </cell>
        </row>
        <row r="199">
          <cell r="A199" t="str">
            <v>LT07YRY</v>
          </cell>
          <cell r="B199" t="str">
            <v>2T064</v>
          </cell>
          <cell r="C199" t="str">
            <v>Street Scene - Cleansing</v>
          </cell>
          <cell r="D199">
            <v>39162</v>
          </cell>
          <cell r="E199">
            <v>40258</v>
          </cell>
          <cell r="F199">
            <v>10652</v>
          </cell>
          <cell r="G199">
            <v>11263.98972</v>
          </cell>
          <cell r="H199" t="str">
            <v>Lease</v>
          </cell>
          <cell r="I199" t="str">
            <v>SFS</v>
          </cell>
          <cell r="J199" t="str">
            <v xml:space="preserve">Ford Transit 350 Crewcab caged Tipper </v>
          </cell>
        </row>
        <row r="200">
          <cell r="A200" t="str">
            <v>LT07YRZ</v>
          </cell>
          <cell r="B200" t="str">
            <v>2T063</v>
          </cell>
          <cell r="C200" t="str">
            <v>Street Scene - Cleansing</v>
          </cell>
          <cell r="D200">
            <v>39163</v>
          </cell>
          <cell r="E200">
            <v>40259</v>
          </cell>
          <cell r="F200">
            <v>10652</v>
          </cell>
          <cell r="G200">
            <v>11295.8089</v>
          </cell>
          <cell r="H200" t="str">
            <v>Lease</v>
          </cell>
          <cell r="I200" t="str">
            <v>SFS</v>
          </cell>
          <cell r="J200" t="str">
            <v xml:space="preserve">Ford Transit 350 Crewcab caged Tipper </v>
          </cell>
        </row>
        <row r="201">
          <cell r="A201" t="str">
            <v>LT07YSA</v>
          </cell>
          <cell r="B201" t="str">
            <v>2T061</v>
          </cell>
          <cell r="C201" t="str">
            <v>Street Scene - Cleansing</v>
          </cell>
          <cell r="D201">
            <v>39163</v>
          </cell>
          <cell r="E201">
            <v>40259</v>
          </cell>
          <cell r="F201">
            <v>10652</v>
          </cell>
          <cell r="G201">
            <v>11295.8089</v>
          </cell>
          <cell r="H201" t="str">
            <v>Lease</v>
          </cell>
          <cell r="I201" t="str">
            <v>SFS</v>
          </cell>
          <cell r="J201" t="str">
            <v xml:space="preserve">Ford Transit 350 Crewcab caged Tipper </v>
          </cell>
        </row>
        <row r="202">
          <cell r="A202" t="str">
            <v>LT07YSB</v>
          </cell>
          <cell r="B202" t="str">
            <v>2T062</v>
          </cell>
          <cell r="C202" t="str">
            <v>Street Scene - Cleansing</v>
          </cell>
          <cell r="D202">
            <v>39162</v>
          </cell>
          <cell r="E202">
            <v>40258</v>
          </cell>
          <cell r="F202">
            <v>10652</v>
          </cell>
          <cell r="G202">
            <v>11263.98972</v>
          </cell>
          <cell r="H202" t="str">
            <v>Lease</v>
          </cell>
          <cell r="I202" t="str">
            <v>SFS</v>
          </cell>
          <cell r="J202" t="str">
            <v xml:space="preserve">Ford Transit 350 Crewcab caged Tipper </v>
          </cell>
        </row>
        <row r="203">
          <cell r="A203" t="str">
            <v>LT54CEK</v>
          </cell>
          <cell r="B203" t="str">
            <v>2G060</v>
          </cell>
          <cell r="C203" t="str">
            <v>Barnet Homes - Caretakers</v>
          </cell>
          <cell r="D203">
            <v>38238</v>
          </cell>
          <cell r="F203" t="str">
            <v>External</v>
          </cell>
          <cell r="G203">
            <v>3378.7923999999998</v>
          </cell>
          <cell r="H203" t="str">
            <v>Lease</v>
          </cell>
          <cell r="I203" t="str">
            <v>SFS</v>
          </cell>
          <cell r="J203" t="str">
            <v>Ford Transit 350 Van</v>
          </cell>
        </row>
        <row r="204">
          <cell r="A204" t="str">
            <v>LT54CLJ</v>
          </cell>
          <cell r="B204" t="str">
            <v>2G061</v>
          </cell>
          <cell r="C204" t="str">
            <v>Housing 21</v>
          </cell>
          <cell r="D204">
            <v>38238</v>
          </cell>
          <cell r="F204" t="str">
            <v>External</v>
          </cell>
          <cell r="G204">
            <v>3279.32</v>
          </cell>
          <cell r="H204" t="str">
            <v>Lease</v>
          </cell>
          <cell r="I204" t="str">
            <v>SFS</v>
          </cell>
          <cell r="J204" t="str">
            <v>Ford Transit 350 Van</v>
          </cell>
        </row>
        <row r="205">
          <cell r="A205" t="str">
            <v>LT54CLN</v>
          </cell>
          <cell r="B205" t="str">
            <v>2G062</v>
          </cell>
          <cell r="C205" t="str">
            <v>Housing 21</v>
          </cell>
          <cell r="D205">
            <v>38238</v>
          </cell>
          <cell r="F205" t="str">
            <v>External</v>
          </cell>
          <cell r="G205">
            <v>3882</v>
          </cell>
          <cell r="H205" t="str">
            <v>Lease</v>
          </cell>
          <cell r="I205" t="str">
            <v>SFS</v>
          </cell>
          <cell r="J205" t="str">
            <v>Ford Transit 350 Van</v>
          </cell>
        </row>
        <row r="206">
          <cell r="A206" t="str">
            <v>LT55KHD</v>
          </cell>
          <cell r="B206" t="str">
            <v>2G071</v>
          </cell>
          <cell r="C206" t="str">
            <v>Libraries</v>
          </cell>
          <cell r="D206">
            <v>38666</v>
          </cell>
          <cell r="F206">
            <v>10339</v>
          </cell>
          <cell r="G206">
            <v>5366.6747368421056</v>
          </cell>
          <cell r="H206" t="str">
            <v>Lease</v>
          </cell>
          <cell r="I206" t="str">
            <v>SFS</v>
          </cell>
          <cell r="J206" t="str">
            <v>Ford Transit Library Van</v>
          </cell>
        </row>
        <row r="207">
          <cell r="A207" t="str">
            <v>LT55KHP</v>
          </cell>
          <cell r="B207" t="str">
            <v>2T040</v>
          </cell>
          <cell r="C207" t="str">
            <v>Parks &amp; Open Spaces</v>
          </cell>
          <cell r="D207">
            <v>38737</v>
          </cell>
          <cell r="E207">
            <v>40144</v>
          </cell>
          <cell r="F207">
            <v>10764</v>
          </cell>
          <cell r="G207">
            <v>5130</v>
          </cell>
          <cell r="H207" t="str">
            <v>Lease</v>
          </cell>
          <cell r="I207" t="str">
            <v>SFS</v>
          </cell>
          <cell r="J207" t="str">
            <v xml:space="preserve">Ford Transit 350 Crewcab Tipper </v>
          </cell>
        </row>
        <row r="208">
          <cell r="A208" t="str">
            <v>LT55KHU</v>
          </cell>
          <cell r="B208" t="str">
            <v>2T041</v>
          </cell>
          <cell r="C208" t="str">
            <v>Parks &amp; Open Spaces</v>
          </cell>
          <cell r="D208">
            <v>38737</v>
          </cell>
          <cell r="E208">
            <v>40144</v>
          </cell>
          <cell r="F208">
            <v>10764</v>
          </cell>
          <cell r="G208">
            <v>5130</v>
          </cell>
          <cell r="H208" t="str">
            <v>Lease</v>
          </cell>
          <cell r="I208" t="str">
            <v>SFS</v>
          </cell>
          <cell r="J208" t="str">
            <v xml:space="preserve">Ford Transit 350 Crewcab Tipper </v>
          </cell>
        </row>
        <row r="209">
          <cell r="A209" t="str">
            <v>M637UBM</v>
          </cell>
          <cell r="B209" t="str">
            <v>1S309</v>
          </cell>
          <cell r="C209" t="str">
            <v>Parks &amp; Open Spaces</v>
          </cell>
          <cell r="D209">
            <v>34758</v>
          </cell>
          <cell r="F209">
            <v>10764</v>
          </cell>
          <cell r="G209">
            <v>0</v>
          </cell>
          <cell r="H209" t="str">
            <v>Barnet Owned</v>
          </cell>
          <cell r="I209" t="str">
            <v>N/A</v>
          </cell>
          <cell r="J209" t="str">
            <v>Landrover 110</v>
          </cell>
        </row>
        <row r="210">
          <cell r="A210" t="str">
            <v>MJ06DVN</v>
          </cell>
          <cell r="B210" t="str">
            <v>2T053</v>
          </cell>
          <cell r="C210" t="str">
            <v>Parks &amp; Open Spaces</v>
          </cell>
          <cell r="D210">
            <v>38953</v>
          </cell>
          <cell r="F210">
            <v>10764</v>
          </cell>
          <cell r="G210">
            <v>4726.3569400000006</v>
          </cell>
          <cell r="H210" t="str">
            <v>Lease</v>
          </cell>
          <cell r="I210" t="str">
            <v>SFS</v>
          </cell>
          <cell r="J210" t="str">
            <v xml:space="preserve">Ford Transit 350 Crewcab Tipper/Crane </v>
          </cell>
        </row>
        <row r="211">
          <cell r="A211" t="str">
            <v>ML58VJU</v>
          </cell>
          <cell r="B211" t="str">
            <v>1H104</v>
          </cell>
          <cell r="C211" t="str">
            <v>Parking</v>
          </cell>
          <cell r="D211">
            <v>39904</v>
          </cell>
          <cell r="F211">
            <v>10646</v>
          </cell>
          <cell r="G211">
            <v>0</v>
          </cell>
          <cell r="H211" t="str">
            <v>Lease</v>
          </cell>
          <cell r="I211" t="str">
            <v>1st Line Motorcycle</v>
          </cell>
          <cell r="J211" t="str">
            <v>Honda Psi Scooter</v>
          </cell>
        </row>
        <row r="212">
          <cell r="A212" t="str">
            <v>MX08HHT</v>
          </cell>
          <cell r="B212" t="str">
            <v>4Z261</v>
          </cell>
          <cell r="C212" t="str">
            <v>Highway Maintenance (10664)</v>
          </cell>
          <cell r="F212">
            <v>10664</v>
          </cell>
          <cell r="G212">
            <v>10088</v>
          </cell>
          <cell r="H212" t="str">
            <v>Regular Hire</v>
          </cell>
          <cell r="I212" t="str">
            <v>DRM</v>
          </cell>
          <cell r="J212" t="str">
            <v>Iveco 75 E16 7.5 t  insulated Tipper</v>
          </cell>
        </row>
        <row r="213">
          <cell r="A213" t="str">
            <v>MX09KLA</v>
          </cell>
          <cell r="B213" t="str">
            <v>3Z104</v>
          </cell>
          <cell r="C213" t="str">
            <v>Passenger Fleet</v>
          </cell>
          <cell r="D213">
            <v>40137</v>
          </cell>
          <cell r="E213" t="str">
            <v>two week</v>
          </cell>
          <cell r="F213">
            <v>10776</v>
          </cell>
          <cell r="H213" t="str">
            <v>Ad Hoc Hire</v>
          </cell>
          <cell r="I213" t="str">
            <v>DRM</v>
          </cell>
          <cell r="J213" t="str">
            <v>Iveco 16 seater</v>
          </cell>
        </row>
        <row r="214">
          <cell r="A214" t="str">
            <v>MX56CUJ</v>
          </cell>
          <cell r="B214" t="str">
            <v>4Z270</v>
          </cell>
          <cell r="C214" t="str">
            <v>Street Scene - Cleansing</v>
          </cell>
          <cell r="D214">
            <v>39938</v>
          </cell>
          <cell r="F214">
            <v>10652</v>
          </cell>
          <cell r="G214">
            <v>13260</v>
          </cell>
          <cell r="H214" t="str">
            <v>Regular Hire</v>
          </cell>
          <cell r="I214" t="str">
            <v>GPL</v>
          </cell>
          <cell r="J214" t="str">
            <v>7.5 Cage Tipper--T/L</v>
          </cell>
        </row>
        <row r="215">
          <cell r="A215" t="str">
            <v>N/A</v>
          </cell>
          <cell r="B215" t="str">
            <v>7S851</v>
          </cell>
          <cell r="C215" t="str">
            <v>Street Scene - Cleansing</v>
          </cell>
          <cell r="D215">
            <v>38393</v>
          </cell>
          <cell r="E215" t="str">
            <v>Barnet Owned</v>
          </cell>
          <cell r="F215">
            <v>10652</v>
          </cell>
          <cell r="G215">
            <v>0</v>
          </cell>
          <cell r="H215" t="str">
            <v>Barnet Owned</v>
          </cell>
          <cell r="I215" t="str">
            <v>N/A</v>
          </cell>
          <cell r="J215" t="str">
            <v>Applied Sweeper</v>
          </cell>
        </row>
        <row r="216">
          <cell r="A216" t="str">
            <v>N/A</v>
          </cell>
          <cell r="B216" t="str">
            <v>7S852</v>
          </cell>
          <cell r="C216" t="str">
            <v>Street Scene - Cleansing</v>
          </cell>
          <cell r="D216">
            <v>38393</v>
          </cell>
          <cell r="E216" t="str">
            <v>Barnet Owned</v>
          </cell>
          <cell r="F216">
            <v>10652</v>
          </cell>
          <cell r="G216">
            <v>0</v>
          </cell>
          <cell r="H216" t="str">
            <v>Barnet Owned</v>
          </cell>
          <cell r="I216" t="str">
            <v>N/A</v>
          </cell>
          <cell r="J216" t="str">
            <v>Applied Sweeper</v>
          </cell>
        </row>
        <row r="217">
          <cell r="A217" t="str">
            <v>N/A</v>
          </cell>
          <cell r="B217" t="str">
            <v>7S853</v>
          </cell>
          <cell r="C217" t="str">
            <v>Street Scene - Cleansing</v>
          </cell>
          <cell r="D217">
            <v>38393</v>
          </cell>
          <cell r="E217" t="str">
            <v>Barnet Owned</v>
          </cell>
          <cell r="F217">
            <v>10652</v>
          </cell>
          <cell r="G217">
            <v>0</v>
          </cell>
          <cell r="H217" t="str">
            <v>Barnet Owned</v>
          </cell>
          <cell r="I217" t="str">
            <v>N/A</v>
          </cell>
          <cell r="J217" t="str">
            <v>Applied Sweeper</v>
          </cell>
        </row>
        <row r="218">
          <cell r="A218" t="str">
            <v>N/A</v>
          </cell>
          <cell r="B218" t="str">
            <v>7S854</v>
          </cell>
          <cell r="C218" t="str">
            <v>Street Scene - Cleansing</v>
          </cell>
          <cell r="D218">
            <v>38393</v>
          </cell>
          <cell r="E218" t="str">
            <v>Barnet Owned</v>
          </cell>
          <cell r="F218">
            <v>10652</v>
          </cell>
          <cell r="G218">
            <v>0</v>
          </cell>
          <cell r="H218" t="str">
            <v>Barnet Owned</v>
          </cell>
          <cell r="I218" t="str">
            <v>N/A</v>
          </cell>
          <cell r="J218" t="str">
            <v>Applied Sweeper</v>
          </cell>
        </row>
        <row r="219">
          <cell r="A219" t="str">
            <v>N/A</v>
          </cell>
          <cell r="B219" t="str">
            <v>7S855</v>
          </cell>
          <cell r="C219" t="str">
            <v>Street Scene - Cleansing</v>
          </cell>
          <cell r="D219">
            <v>38393</v>
          </cell>
          <cell r="E219" t="str">
            <v>Barnet Owned</v>
          </cell>
          <cell r="F219">
            <v>10652</v>
          </cell>
          <cell r="G219">
            <v>0</v>
          </cell>
          <cell r="H219" t="str">
            <v>Barnet Owned</v>
          </cell>
          <cell r="I219" t="str">
            <v>N/A</v>
          </cell>
          <cell r="J219" t="str">
            <v>Applied Sweeper</v>
          </cell>
        </row>
        <row r="220">
          <cell r="A220" t="str">
            <v>N/A</v>
          </cell>
          <cell r="B220" t="str">
            <v>7S856</v>
          </cell>
          <cell r="C220" t="str">
            <v>Street Scene - Cleansing</v>
          </cell>
          <cell r="D220">
            <v>38393</v>
          </cell>
          <cell r="E220" t="str">
            <v>Barnet Owned</v>
          </cell>
          <cell r="F220">
            <v>10652</v>
          </cell>
          <cell r="G220">
            <v>0</v>
          </cell>
          <cell r="H220" t="str">
            <v>Barnet Owned</v>
          </cell>
          <cell r="I220" t="str">
            <v>N/A</v>
          </cell>
          <cell r="J220" t="str">
            <v>Applied Sweeper</v>
          </cell>
        </row>
        <row r="221">
          <cell r="A221" t="str">
            <v>N/A</v>
          </cell>
          <cell r="B221" t="str">
            <v>7S857</v>
          </cell>
          <cell r="C221" t="str">
            <v>Street Scene - Cleansing</v>
          </cell>
          <cell r="D221">
            <v>38653</v>
          </cell>
          <cell r="E221" t="str">
            <v>Barnet Owned</v>
          </cell>
          <cell r="F221">
            <v>10652</v>
          </cell>
          <cell r="G221">
            <v>0</v>
          </cell>
          <cell r="H221" t="str">
            <v>Barnet Owned</v>
          </cell>
          <cell r="I221" t="str">
            <v>N/A</v>
          </cell>
          <cell r="J221" t="str">
            <v>Applied Sweeper</v>
          </cell>
        </row>
        <row r="222">
          <cell r="A222" t="str">
            <v>N/A</v>
          </cell>
          <cell r="B222" t="str">
            <v>7S858</v>
          </cell>
          <cell r="C222" t="str">
            <v>Street Scene - Cleansing</v>
          </cell>
          <cell r="D222">
            <v>38653</v>
          </cell>
          <cell r="E222" t="str">
            <v>Barnet Owned</v>
          </cell>
          <cell r="F222">
            <v>10652</v>
          </cell>
          <cell r="G222">
            <v>0</v>
          </cell>
          <cell r="H222" t="str">
            <v>Barnet Owned</v>
          </cell>
          <cell r="I222" t="str">
            <v>N/A</v>
          </cell>
          <cell r="J222" t="str">
            <v>Applied Sweeper</v>
          </cell>
        </row>
        <row r="223">
          <cell r="A223" t="str">
            <v>N/A</v>
          </cell>
          <cell r="B223" t="str">
            <v>7S859</v>
          </cell>
          <cell r="C223" t="str">
            <v>Street Scene - Cleansing</v>
          </cell>
          <cell r="D223">
            <v>38653</v>
          </cell>
          <cell r="E223" t="str">
            <v>Barnet Owned</v>
          </cell>
          <cell r="F223">
            <v>10652</v>
          </cell>
          <cell r="G223">
            <v>0</v>
          </cell>
          <cell r="H223" t="str">
            <v>Barnet Owned</v>
          </cell>
          <cell r="I223" t="str">
            <v>N/A</v>
          </cell>
          <cell r="J223" t="str">
            <v>Applied Sweeper</v>
          </cell>
        </row>
        <row r="224">
          <cell r="A224" t="str">
            <v>N/A</v>
          </cell>
          <cell r="B224" t="str">
            <v>7S860</v>
          </cell>
          <cell r="C224" t="str">
            <v>Street Scene - Cleansing</v>
          </cell>
          <cell r="D224">
            <v>38653</v>
          </cell>
          <cell r="E224" t="str">
            <v>Barnet Owned</v>
          </cell>
          <cell r="F224">
            <v>10652</v>
          </cell>
          <cell r="G224">
            <v>0</v>
          </cell>
          <cell r="H224" t="str">
            <v>Barnet Owned</v>
          </cell>
          <cell r="I224" t="str">
            <v>N/A</v>
          </cell>
          <cell r="J224" t="str">
            <v>Applied Sweeper</v>
          </cell>
        </row>
        <row r="225">
          <cell r="A225" t="str">
            <v>N/A</v>
          </cell>
          <cell r="B225" t="str">
            <v>7S861</v>
          </cell>
          <cell r="C225" t="str">
            <v>Street Scene - Cleansing</v>
          </cell>
          <cell r="D225">
            <v>38653</v>
          </cell>
          <cell r="E225" t="str">
            <v>Barnet Owned</v>
          </cell>
          <cell r="F225">
            <v>10652</v>
          </cell>
          <cell r="G225">
            <v>0</v>
          </cell>
          <cell r="H225" t="str">
            <v>Barnet Owned</v>
          </cell>
          <cell r="I225" t="str">
            <v>N/A</v>
          </cell>
          <cell r="J225" t="str">
            <v>Applied Sweeper</v>
          </cell>
        </row>
        <row r="226">
          <cell r="A226" t="str">
            <v>N/A</v>
          </cell>
          <cell r="B226" t="str">
            <v>7S862</v>
          </cell>
          <cell r="C226" t="str">
            <v>Street Scene - Cleansing</v>
          </cell>
          <cell r="D226">
            <v>38653</v>
          </cell>
          <cell r="E226" t="str">
            <v>Barnet Owned</v>
          </cell>
          <cell r="F226">
            <v>10652</v>
          </cell>
          <cell r="G226">
            <v>0</v>
          </cell>
          <cell r="H226" t="str">
            <v>Barnet Owned</v>
          </cell>
          <cell r="I226" t="str">
            <v>N/A</v>
          </cell>
          <cell r="J226" t="str">
            <v>Applied Sweeper</v>
          </cell>
        </row>
        <row r="227">
          <cell r="A227" t="str">
            <v>N/A</v>
          </cell>
          <cell r="B227" t="str">
            <v>7S863</v>
          </cell>
          <cell r="C227" t="str">
            <v>Street Scene - Cleansing</v>
          </cell>
          <cell r="D227">
            <v>38653</v>
          </cell>
          <cell r="E227" t="str">
            <v>Barnet Owned</v>
          </cell>
          <cell r="F227">
            <v>10652</v>
          </cell>
          <cell r="G227">
            <v>0</v>
          </cell>
          <cell r="H227" t="str">
            <v>Barnet Owned</v>
          </cell>
          <cell r="I227" t="str">
            <v>N/A</v>
          </cell>
          <cell r="J227" t="str">
            <v>Applied Sweeper</v>
          </cell>
        </row>
        <row r="228">
          <cell r="A228" t="str">
            <v>N/A</v>
          </cell>
          <cell r="B228" t="str">
            <v>7S864</v>
          </cell>
          <cell r="C228" t="str">
            <v>Street Scene - Cleansing</v>
          </cell>
          <cell r="D228">
            <v>38653</v>
          </cell>
          <cell r="E228" t="str">
            <v>Barnet Owned</v>
          </cell>
          <cell r="F228">
            <v>10652</v>
          </cell>
          <cell r="G228">
            <v>0</v>
          </cell>
          <cell r="H228" t="str">
            <v>Barnet Owned</v>
          </cell>
          <cell r="I228" t="str">
            <v>N/A</v>
          </cell>
          <cell r="J228" t="str">
            <v>Applied Sweeper</v>
          </cell>
        </row>
        <row r="229">
          <cell r="A229" t="str">
            <v>N/A</v>
          </cell>
          <cell r="B229" t="str">
            <v>7S865</v>
          </cell>
          <cell r="C229" t="str">
            <v>Street Scene - Cleansing</v>
          </cell>
          <cell r="D229">
            <v>38653</v>
          </cell>
          <cell r="E229" t="str">
            <v>Barnet Owned</v>
          </cell>
          <cell r="F229">
            <v>10652</v>
          </cell>
          <cell r="G229">
            <v>0</v>
          </cell>
          <cell r="H229" t="str">
            <v>Barnet Owned</v>
          </cell>
          <cell r="I229" t="str">
            <v>N/A</v>
          </cell>
          <cell r="J229" t="str">
            <v>Applied Sweeper</v>
          </cell>
        </row>
        <row r="230">
          <cell r="A230" t="str">
            <v>N/A</v>
          </cell>
          <cell r="B230" t="str">
            <v>7S866</v>
          </cell>
          <cell r="C230" t="str">
            <v>Street Scene - Cleansing</v>
          </cell>
          <cell r="D230">
            <v>39300</v>
          </cell>
          <cell r="E230" t="str">
            <v>Barnet Owned</v>
          </cell>
          <cell r="F230">
            <v>10652</v>
          </cell>
          <cell r="G230">
            <v>0</v>
          </cell>
          <cell r="H230" t="str">
            <v>Barnet Owned</v>
          </cell>
          <cell r="I230" t="str">
            <v>N/A</v>
          </cell>
          <cell r="J230" t="str">
            <v>Applied Sweeper</v>
          </cell>
        </row>
        <row r="231">
          <cell r="A231" t="str">
            <v>N/A</v>
          </cell>
          <cell r="B231" t="str">
            <v>7S867</v>
          </cell>
          <cell r="C231" t="str">
            <v>Street Scene - Cleansing</v>
          </cell>
          <cell r="D231">
            <v>39326</v>
          </cell>
          <cell r="E231" t="str">
            <v>Barnet Owned</v>
          </cell>
          <cell r="F231">
            <v>10652</v>
          </cell>
          <cell r="G231">
            <v>0</v>
          </cell>
          <cell r="H231" t="str">
            <v>Barnet Owned</v>
          </cell>
          <cell r="I231" t="str">
            <v>N/A</v>
          </cell>
          <cell r="J231" t="str">
            <v>Applied Sweeper</v>
          </cell>
        </row>
        <row r="232">
          <cell r="A232" t="str">
            <v>N/A</v>
          </cell>
          <cell r="B232" t="str">
            <v>7S868</v>
          </cell>
          <cell r="C232" t="str">
            <v>Street Scene - Cleansing</v>
          </cell>
          <cell r="D232">
            <v>39326</v>
          </cell>
          <cell r="E232" t="str">
            <v>Barnet Owned</v>
          </cell>
          <cell r="F232">
            <v>10652</v>
          </cell>
          <cell r="G232">
            <v>0</v>
          </cell>
          <cell r="H232" t="str">
            <v>Barnet Owned</v>
          </cell>
          <cell r="I232" t="str">
            <v>N/A</v>
          </cell>
          <cell r="J232" t="str">
            <v>Applied Sweeper</v>
          </cell>
        </row>
        <row r="233">
          <cell r="A233" t="str">
            <v>N/A</v>
          </cell>
          <cell r="B233" t="str">
            <v>8S001</v>
          </cell>
          <cell r="C233" t="str">
            <v>Parks &amp; Open Spaces</v>
          </cell>
          <cell r="D233">
            <v>36956</v>
          </cell>
          <cell r="E233" t="str">
            <v>Barnet Owned</v>
          </cell>
          <cell r="F233">
            <v>10764</v>
          </cell>
          <cell r="G233">
            <v>0</v>
          </cell>
          <cell r="H233" t="str">
            <v>Barnet Owned</v>
          </cell>
          <cell r="I233" t="str">
            <v>N/A</v>
          </cell>
          <cell r="J233" t="str">
            <v>Bucket</v>
          </cell>
        </row>
        <row r="234">
          <cell r="A234" t="str">
            <v>N/A</v>
          </cell>
          <cell r="B234" t="str">
            <v>8S002</v>
          </cell>
          <cell r="C234" t="str">
            <v>Parks &amp; Open Spaces</v>
          </cell>
          <cell r="D234">
            <v>36986</v>
          </cell>
          <cell r="E234" t="str">
            <v>Barnet Owned</v>
          </cell>
          <cell r="F234">
            <v>10764</v>
          </cell>
          <cell r="G234">
            <v>0</v>
          </cell>
          <cell r="H234" t="str">
            <v>Barnet Owned</v>
          </cell>
          <cell r="I234" t="str">
            <v>N/A</v>
          </cell>
          <cell r="J234" t="str">
            <v>Bucket</v>
          </cell>
        </row>
        <row r="235">
          <cell r="A235" t="str">
            <v>NA07AWJ</v>
          </cell>
          <cell r="B235" t="str">
            <v>2Z416</v>
          </cell>
          <cell r="C235" t="str">
            <v>Barnet Homes - Caretakers</v>
          </cell>
          <cell r="D235">
            <v>40129</v>
          </cell>
          <cell r="F235" t="str">
            <v>External</v>
          </cell>
          <cell r="H235" t="str">
            <v>Ad Hoc Hire</v>
          </cell>
          <cell r="I235" t="str">
            <v>GPL</v>
          </cell>
          <cell r="J235" t="str">
            <v>Ford transit Single cab cage tipper</v>
          </cell>
        </row>
        <row r="236">
          <cell r="A236" t="str">
            <v>NA56OTG</v>
          </cell>
          <cell r="B236" t="str">
            <v>2Z355</v>
          </cell>
          <cell r="C236" t="str">
            <v>Street Scene - Cleansing</v>
          </cell>
          <cell r="F236">
            <v>10652</v>
          </cell>
          <cell r="G236">
            <v>5616</v>
          </cell>
          <cell r="H236" t="str">
            <v>Regular Hire</v>
          </cell>
          <cell r="I236" t="str">
            <v>Target</v>
          </cell>
          <cell r="J236" t="str">
            <v>3.5 CAGED Tippers</v>
          </cell>
        </row>
        <row r="237">
          <cell r="A237" t="str">
            <v>NC57LSF</v>
          </cell>
          <cell r="B237" t="str">
            <v>2Z400</v>
          </cell>
          <cell r="C237" t="str">
            <v>Barnet Homes - Caretakers</v>
          </cell>
          <cell r="D237">
            <v>39891</v>
          </cell>
          <cell r="F237" t="str">
            <v>External</v>
          </cell>
          <cell r="G237">
            <v>3411.24</v>
          </cell>
          <cell r="H237" t="str">
            <v>Regular Hire</v>
          </cell>
          <cell r="I237" t="str">
            <v>Target</v>
          </cell>
          <cell r="J237" t="str">
            <v>Transit 260 Panel van</v>
          </cell>
        </row>
        <row r="238">
          <cell r="A238" t="str">
            <v>ND07GSO</v>
          </cell>
          <cell r="B238" t="str">
            <v>2Z361</v>
          </cell>
          <cell r="C238" t="str">
            <v>Highway Maintenance (10664)</v>
          </cell>
          <cell r="F238">
            <v>10664</v>
          </cell>
          <cell r="G238">
            <v>3049.7999999999997</v>
          </cell>
          <cell r="H238" t="str">
            <v>Regular Hire</v>
          </cell>
          <cell r="I238" t="str">
            <v>Target</v>
          </cell>
          <cell r="J238" t="str">
            <v>Ford Connect SWB</v>
          </cell>
        </row>
        <row r="239">
          <cell r="A239" t="str">
            <v>ND56RRZ</v>
          </cell>
          <cell r="B239" t="str">
            <v>2Z356</v>
          </cell>
          <cell r="C239" t="str">
            <v>Street Scene - Cleansing</v>
          </cell>
          <cell r="F239">
            <v>10652</v>
          </cell>
          <cell r="G239">
            <v>5616</v>
          </cell>
          <cell r="H239" t="str">
            <v>Regular Hire</v>
          </cell>
          <cell r="I239" t="str">
            <v>Target</v>
          </cell>
          <cell r="J239" t="str">
            <v>3.5 CAGED Tippers</v>
          </cell>
        </row>
        <row r="240">
          <cell r="A240" t="str">
            <v>ND56RYH</v>
          </cell>
          <cell r="B240" t="str">
            <v>2Z420</v>
          </cell>
          <cell r="C240" t="str">
            <v>Parks &amp; Open Spaces</v>
          </cell>
          <cell r="D240">
            <v>40144</v>
          </cell>
          <cell r="F240">
            <v>10764</v>
          </cell>
          <cell r="H240" t="str">
            <v>Regular Hire</v>
          </cell>
          <cell r="I240" t="str">
            <v>GPL</v>
          </cell>
          <cell r="J240" t="str">
            <v>Ford transit Single cab cage tipper</v>
          </cell>
        </row>
        <row r="241">
          <cell r="A241" t="str">
            <v>ND56RZO</v>
          </cell>
          <cell r="B241" t="str">
            <v>2Z421</v>
          </cell>
          <cell r="C241" t="str">
            <v>Parks &amp; Open Spaces</v>
          </cell>
          <cell r="D241">
            <v>40144</v>
          </cell>
          <cell r="F241">
            <v>10764</v>
          </cell>
          <cell r="H241" t="str">
            <v>Regular Hire</v>
          </cell>
          <cell r="I241" t="str">
            <v>GPL</v>
          </cell>
          <cell r="J241" t="str">
            <v>Ford transit Single cab cage tipper</v>
          </cell>
        </row>
        <row r="242">
          <cell r="A242" t="str">
            <v>ND57NGN</v>
          </cell>
          <cell r="B242" t="str">
            <v>1Z234</v>
          </cell>
          <cell r="C242" t="str">
            <v>Street Scene - Cleansing</v>
          </cell>
          <cell r="D242">
            <v>40120</v>
          </cell>
          <cell r="F242">
            <v>10652</v>
          </cell>
          <cell r="H242" t="str">
            <v>Ad Hoc Hire</v>
          </cell>
          <cell r="I242" t="str">
            <v>GPL</v>
          </cell>
          <cell r="J242" t="str">
            <v>Peugeot 206 HDI</v>
          </cell>
        </row>
        <row r="243">
          <cell r="A243" t="str">
            <v>NG06EZR</v>
          </cell>
          <cell r="B243" t="str">
            <v>2Z365</v>
          </cell>
          <cell r="C243" t="str">
            <v>Street Scene - Cleansing</v>
          </cell>
          <cell r="D243" t="str">
            <v>N/A</v>
          </cell>
          <cell r="F243">
            <v>10652</v>
          </cell>
          <cell r="G243">
            <v>5616</v>
          </cell>
          <cell r="H243" t="str">
            <v>Ad Hoc Hire</v>
          </cell>
          <cell r="I243" t="str">
            <v>Target</v>
          </cell>
          <cell r="J243" t="str">
            <v>3.5 CAGED Tippers</v>
          </cell>
        </row>
        <row r="244">
          <cell r="A244" t="str">
            <v>NG06MFN</v>
          </cell>
          <cell r="B244" t="str">
            <v>2Z407</v>
          </cell>
          <cell r="C244" t="str">
            <v>Street Scene - Cleansing</v>
          </cell>
          <cell r="D244">
            <v>40034</v>
          </cell>
          <cell r="F244">
            <v>10652</v>
          </cell>
          <cell r="G244">
            <v>18900</v>
          </cell>
          <cell r="H244" t="str">
            <v>Regular Hire</v>
          </cell>
          <cell r="I244" t="str">
            <v>GPL</v>
          </cell>
          <cell r="J244" t="str">
            <v>Transit Go Gum</v>
          </cell>
        </row>
        <row r="245">
          <cell r="A245" t="str">
            <v>NG06ZDX</v>
          </cell>
          <cell r="B245" t="str">
            <v>2Z353</v>
          </cell>
          <cell r="C245" t="str">
            <v>Street Scene - Cleansing</v>
          </cell>
          <cell r="F245">
            <v>10652</v>
          </cell>
          <cell r="G245">
            <v>5616</v>
          </cell>
          <cell r="H245" t="str">
            <v>Regular Hire</v>
          </cell>
          <cell r="I245" t="str">
            <v>Target</v>
          </cell>
          <cell r="J245" t="str">
            <v>3.5 CAGED Tippers</v>
          </cell>
        </row>
        <row r="246">
          <cell r="A246" t="str">
            <v>NG53YHH</v>
          </cell>
          <cell r="B246" t="str">
            <v>2Z267</v>
          </cell>
          <cell r="C246" t="str">
            <v>Street Scene - Cleansing</v>
          </cell>
          <cell r="F246">
            <v>10652</v>
          </cell>
          <cell r="G246">
            <v>18900</v>
          </cell>
          <cell r="H246" t="str">
            <v>Ad Hoc Hire</v>
          </cell>
          <cell r="I246" t="str">
            <v>GPL</v>
          </cell>
          <cell r="J246" t="str">
            <v>Ford Transit High Roof Graffiti</v>
          </cell>
        </row>
        <row r="247">
          <cell r="A247" t="str">
            <v>NG56NVM</v>
          </cell>
          <cell r="B247" t="str">
            <v>2Z408</v>
          </cell>
          <cell r="C247" t="str">
            <v>Barnet Homes - Caretakers</v>
          </cell>
          <cell r="D247">
            <v>40042</v>
          </cell>
          <cell r="F247" t="str">
            <v>External</v>
          </cell>
          <cell r="G247">
            <v>5980</v>
          </cell>
          <cell r="H247" t="str">
            <v>Regular Hire</v>
          </cell>
          <cell r="I247" t="str">
            <v>Target</v>
          </cell>
          <cell r="J247" t="str">
            <v>Ford transit Single cab tipper</v>
          </cell>
        </row>
        <row r="248">
          <cell r="A248" t="str">
            <v>NH07EBO</v>
          </cell>
          <cell r="B248" t="str">
            <v>1Z233</v>
          </cell>
          <cell r="C248" t="str">
            <v>Street Scene - Refuse</v>
          </cell>
          <cell r="D248">
            <v>40120</v>
          </cell>
          <cell r="F248">
            <v>10655</v>
          </cell>
          <cell r="H248" t="str">
            <v>Ad Hoc Hire</v>
          </cell>
          <cell r="I248" t="str">
            <v>GPL</v>
          </cell>
          <cell r="J248" t="str">
            <v>Ford Fiesta Van</v>
          </cell>
        </row>
        <row r="249">
          <cell r="A249" t="str">
            <v>NH07VCZ</v>
          </cell>
          <cell r="B249" t="str">
            <v>2Z401</v>
          </cell>
          <cell r="C249" t="str">
            <v>Street Scene - Cleansing</v>
          </cell>
          <cell r="D249">
            <v>39934</v>
          </cell>
          <cell r="F249">
            <v>10652</v>
          </cell>
          <cell r="G249">
            <v>5980</v>
          </cell>
          <cell r="H249" t="str">
            <v>Regular Hire</v>
          </cell>
          <cell r="I249" t="str">
            <v>GPL</v>
          </cell>
          <cell r="J249" t="str">
            <v>3.5 CAGED Tippers</v>
          </cell>
        </row>
        <row r="250">
          <cell r="A250" t="str">
            <v>NH07VFW</v>
          </cell>
          <cell r="B250" t="str">
            <v>2Z412</v>
          </cell>
          <cell r="C250" t="str">
            <v>Parks &amp; Open Spaces</v>
          </cell>
          <cell r="D250">
            <v>40091</v>
          </cell>
          <cell r="F250">
            <v>10764</v>
          </cell>
          <cell r="G250">
            <v>6378</v>
          </cell>
          <cell r="H250" t="str">
            <v>Ad Hoc Hire</v>
          </cell>
          <cell r="I250" t="str">
            <v>GPL</v>
          </cell>
          <cell r="J250" t="str">
            <v>Ford Transit 350 Crew Cab  Tipper</v>
          </cell>
        </row>
        <row r="251">
          <cell r="A251" t="str">
            <v>NH07YNS</v>
          </cell>
          <cell r="B251" t="str">
            <v>2Z362</v>
          </cell>
          <cell r="C251" t="str">
            <v>Highway Maintenance (10941)</v>
          </cell>
          <cell r="F251">
            <v>10941</v>
          </cell>
          <cell r="G251">
            <v>5720</v>
          </cell>
          <cell r="H251" t="str">
            <v>Regular Hire</v>
          </cell>
          <cell r="I251" t="str">
            <v>Target</v>
          </cell>
          <cell r="J251" t="str">
            <v>3.5 C/Cab Transit Tipper</v>
          </cell>
        </row>
        <row r="252">
          <cell r="A252" t="str">
            <v>NJ07KXS</v>
          </cell>
          <cell r="B252" t="str">
            <v>2Z360</v>
          </cell>
          <cell r="C252" t="str">
            <v>Highway Maintenance (10939)</v>
          </cell>
          <cell r="F252">
            <v>10939</v>
          </cell>
          <cell r="G252">
            <v>3770</v>
          </cell>
          <cell r="H252" t="str">
            <v>Regular Hire</v>
          </cell>
          <cell r="I252" t="str">
            <v>Target</v>
          </cell>
          <cell r="J252" t="str">
            <v>Ford Transit SWB Van</v>
          </cell>
        </row>
        <row r="253">
          <cell r="A253" t="str">
            <v>NJ57GNY</v>
          </cell>
          <cell r="B253" t="str">
            <v>1Z178</v>
          </cell>
          <cell r="C253" t="str">
            <v>Children  &amp; Families</v>
          </cell>
          <cell r="F253">
            <v>10566</v>
          </cell>
          <cell r="G253">
            <v>2805.4</v>
          </cell>
          <cell r="H253" t="str">
            <v>Regular Hire</v>
          </cell>
          <cell r="I253" t="str">
            <v>GPL</v>
          </cell>
          <cell r="J253" t="str">
            <v>Ford Fiesta Car</v>
          </cell>
        </row>
        <row r="254">
          <cell r="A254" t="str">
            <v>NJ57GPU</v>
          </cell>
          <cell r="B254" t="str">
            <v>1Z179</v>
          </cell>
          <cell r="C254" t="str">
            <v>Planning</v>
          </cell>
          <cell r="F254">
            <v>10038</v>
          </cell>
          <cell r="G254">
            <v>2805.4</v>
          </cell>
          <cell r="H254" t="str">
            <v>Regular Hire</v>
          </cell>
          <cell r="I254" t="str">
            <v>GPL</v>
          </cell>
          <cell r="J254" t="str">
            <v>Ford Fiesta Car</v>
          </cell>
        </row>
        <row r="255">
          <cell r="A255" t="str">
            <v>NJ58VSX</v>
          </cell>
          <cell r="B255" t="str">
            <v>2Z368</v>
          </cell>
          <cell r="C255" t="str">
            <v>Street Scene - Cleansing</v>
          </cell>
          <cell r="F255">
            <v>10652</v>
          </cell>
          <cell r="G255">
            <v>6240</v>
          </cell>
          <cell r="H255" t="str">
            <v>Regular Hire</v>
          </cell>
          <cell r="I255" t="str">
            <v>GPL</v>
          </cell>
          <cell r="J255" t="str">
            <v>Ford Transit 280 Van (towbar &amp; tacho)</v>
          </cell>
        </row>
        <row r="256">
          <cell r="A256" t="str">
            <v>NJ58VZL</v>
          </cell>
          <cell r="B256" t="str">
            <v>2Z369</v>
          </cell>
          <cell r="C256" t="str">
            <v>Street Scene - Refuse</v>
          </cell>
          <cell r="F256">
            <v>10655</v>
          </cell>
          <cell r="G256">
            <v>5720</v>
          </cell>
          <cell r="H256" t="str">
            <v>Regular Hire</v>
          </cell>
          <cell r="I256" t="str">
            <v>GPL</v>
          </cell>
          <cell r="J256" t="str">
            <v>Mercedes Sprinter 413 (mwb HR &amp; towbar)</v>
          </cell>
        </row>
        <row r="257">
          <cell r="A257" t="str">
            <v>NL56OZN</v>
          </cell>
          <cell r="B257" t="str">
            <v>2Z380</v>
          </cell>
          <cell r="C257" t="str">
            <v>Street Scene - Cleansing</v>
          </cell>
          <cell r="D257">
            <v>39912</v>
          </cell>
          <cell r="F257">
            <v>10652</v>
          </cell>
          <cell r="G257">
            <v>5980</v>
          </cell>
          <cell r="H257" t="str">
            <v>Ad Hoc Hire</v>
          </cell>
          <cell r="I257" t="str">
            <v>Target</v>
          </cell>
          <cell r="J257" t="str">
            <v>Transit 3.5 Caged Tipper</v>
          </cell>
        </row>
        <row r="258">
          <cell r="A258" t="str">
            <v>NL58UHZ</v>
          </cell>
          <cell r="B258" t="str">
            <v>1Z145</v>
          </cell>
          <cell r="C258" t="str">
            <v>Libraries Moblie Services</v>
          </cell>
          <cell r="F258">
            <v>10362</v>
          </cell>
          <cell r="G258">
            <v>2974.4</v>
          </cell>
          <cell r="H258" t="str">
            <v>Regular Hire</v>
          </cell>
          <cell r="I258" t="str">
            <v>Target</v>
          </cell>
          <cell r="J258" t="str">
            <v>Ford Connect</v>
          </cell>
        </row>
        <row r="259">
          <cell r="A259" t="str">
            <v>NM07TXJ</v>
          </cell>
          <cell r="B259" t="str">
            <v>1Z173</v>
          </cell>
          <cell r="C259" t="str">
            <v>Street Scene - Cleansing</v>
          </cell>
          <cell r="F259">
            <v>10652</v>
          </cell>
          <cell r="G259">
            <v>2574</v>
          </cell>
          <cell r="H259" t="str">
            <v>Regular Hire</v>
          </cell>
          <cell r="I259" t="str">
            <v>GPL</v>
          </cell>
          <cell r="J259" t="str">
            <v>Ford Fiesta Van</v>
          </cell>
        </row>
        <row r="260">
          <cell r="A260" t="str">
            <v>NU09PCX</v>
          </cell>
          <cell r="B260" t="str">
            <v>1Z229</v>
          </cell>
          <cell r="C260" t="str">
            <v>Parking</v>
          </cell>
          <cell r="D260">
            <v>39961</v>
          </cell>
          <cell r="F260">
            <v>10038</v>
          </cell>
          <cell r="G260">
            <v>4914</v>
          </cell>
          <cell r="H260" t="str">
            <v>Regular Hire</v>
          </cell>
          <cell r="I260" t="str">
            <v>GPL</v>
          </cell>
          <cell r="J260" t="str">
            <v>Peugeot 308 MDI</v>
          </cell>
        </row>
        <row r="261">
          <cell r="A261" t="str">
            <v>NU52PZH</v>
          </cell>
          <cell r="B261" t="str">
            <v>2G026</v>
          </cell>
          <cell r="C261" t="str">
            <v>Street Scene - Refuse</v>
          </cell>
          <cell r="D261">
            <v>37518</v>
          </cell>
          <cell r="F261">
            <v>10655</v>
          </cell>
          <cell r="G261">
            <v>3982.42</v>
          </cell>
          <cell r="H261" t="str">
            <v>Lease</v>
          </cell>
          <cell r="I261" t="str">
            <v>SFS</v>
          </cell>
          <cell r="J261" t="str">
            <v>Mercedes Sprinter 413</v>
          </cell>
        </row>
        <row r="262">
          <cell r="A262" t="str">
            <v>NV56APZ</v>
          </cell>
          <cell r="B262" t="str">
            <v>1Z235</v>
          </cell>
          <cell r="C262" t="str">
            <v>Street Scene - Cleansing</v>
          </cell>
          <cell r="D262">
            <v>40136</v>
          </cell>
          <cell r="F262">
            <v>10652</v>
          </cell>
          <cell r="H262" t="str">
            <v>Regular Hire</v>
          </cell>
          <cell r="I262" t="str">
            <v>GPL</v>
          </cell>
          <cell r="J262" t="str">
            <v>Peugeot 206 HDI</v>
          </cell>
        </row>
        <row r="263">
          <cell r="A263" t="str">
            <v>NX07GOH</v>
          </cell>
          <cell r="B263" t="str">
            <v>4Z262</v>
          </cell>
          <cell r="C263" t="str">
            <v>Street Scene - Refuse</v>
          </cell>
          <cell r="F263">
            <v>10655</v>
          </cell>
          <cell r="G263">
            <v>11180</v>
          </cell>
          <cell r="H263" t="str">
            <v>Regular Hire</v>
          </cell>
          <cell r="I263" t="str">
            <v>DRM</v>
          </cell>
          <cell r="J263" t="str">
            <v>7.5 Box--T/L</v>
          </cell>
        </row>
        <row r="264">
          <cell r="A264" t="str">
            <v>NX08CFE</v>
          </cell>
          <cell r="B264" t="str">
            <v>4Z258</v>
          </cell>
          <cell r="C264" t="str">
            <v>Highway Maintenance (10664)</v>
          </cell>
          <cell r="F264">
            <v>10664</v>
          </cell>
          <cell r="G264">
            <v>10088</v>
          </cell>
          <cell r="H264" t="str">
            <v>Regular Hire</v>
          </cell>
          <cell r="I264" t="str">
            <v>DRM</v>
          </cell>
          <cell r="J264" t="str">
            <v>Iveco 75 E16 7.5 t  insulated Tipper</v>
          </cell>
        </row>
        <row r="265">
          <cell r="A265" t="str">
            <v>NX08CFF</v>
          </cell>
          <cell r="B265" t="str">
            <v>4Z259</v>
          </cell>
          <cell r="C265" t="str">
            <v>Highway Maintenance (10664)</v>
          </cell>
          <cell r="F265">
            <v>10664</v>
          </cell>
          <cell r="G265">
            <v>10088</v>
          </cell>
          <cell r="H265" t="str">
            <v>Regular Hire</v>
          </cell>
          <cell r="I265" t="str">
            <v>DRM</v>
          </cell>
          <cell r="J265" t="str">
            <v>Iveco 75 E16 7.5 t  insulated Tipper</v>
          </cell>
        </row>
        <row r="266">
          <cell r="A266" t="str">
            <v>NX08CFG</v>
          </cell>
          <cell r="B266" t="str">
            <v>4Z257</v>
          </cell>
          <cell r="C266" t="str">
            <v>Highway Maintenance (10664)</v>
          </cell>
          <cell r="F266">
            <v>10664</v>
          </cell>
          <cell r="G266">
            <v>10088</v>
          </cell>
          <cell r="H266" t="str">
            <v>Regular Hire</v>
          </cell>
          <cell r="I266" t="str">
            <v>DRM</v>
          </cell>
          <cell r="J266" t="str">
            <v>Iveco 75 E16 7.5 t  insulated Tipper</v>
          </cell>
        </row>
        <row r="267">
          <cell r="A267" t="str">
            <v>NX08CFJ</v>
          </cell>
          <cell r="B267" t="str">
            <v>4Z260</v>
          </cell>
          <cell r="C267" t="str">
            <v>Highway Maintenance (10664)</v>
          </cell>
          <cell r="F267">
            <v>10664</v>
          </cell>
          <cell r="G267">
            <v>10088</v>
          </cell>
          <cell r="H267" t="str">
            <v>Regular Hire</v>
          </cell>
          <cell r="I267" t="str">
            <v>DRM</v>
          </cell>
          <cell r="J267" t="str">
            <v>Iveco 75 E16 7.5 t  insulated Tipper</v>
          </cell>
        </row>
        <row r="268">
          <cell r="A268" t="str">
            <v>NX51KVM</v>
          </cell>
          <cell r="B268" t="str">
            <v>2S003</v>
          </cell>
          <cell r="C268" t="str">
            <v>Cashiers-Borough Treasurers</v>
          </cell>
          <cell r="D268">
            <v>37144</v>
          </cell>
          <cell r="E268" t="str">
            <v>Barnet Owned</v>
          </cell>
          <cell r="F268">
            <v>11013</v>
          </cell>
          <cell r="G268">
            <v>0</v>
          </cell>
          <cell r="H268" t="str">
            <v>Barnet Owned</v>
          </cell>
          <cell r="I268" t="str">
            <v>N/A</v>
          </cell>
          <cell r="J268" t="str">
            <v>Mercedes 4.6 tonne Security Van</v>
          </cell>
        </row>
        <row r="269">
          <cell r="A269" t="str">
            <v>NX51KVO</v>
          </cell>
          <cell r="B269" t="str">
            <v>2S001</v>
          </cell>
          <cell r="C269" t="str">
            <v>Cashiers-Borough Treasurers</v>
          </cell>
          <cell r="D269">
            <v>37144</v>
          </cell>
          <cell r="E269" t="str">
            <v>Barnet Owned</v>
          </cell>
          <cell r="F269">
            <v>11013</v>
          </cell>
          <cell r="G269">
            <v>0</v>
          </cell>
          <cell r="H269" t="str">
            <v>Barnet Owned</v>
          </cell>
          <cell r="I269" t="str">
            <v>N/A</v>
          </cell>
          <cell r="J269" t="str">
            <v>Mercedes 4.6 tonne Security Van</v>
          </cell>
        </row>
        <row r="270">
          <cell r="A270" t="str">
            <v>NX51KVP</v>
          </cell>
          <cell r="B270" t="str">
            <v>2S002</v>
          </cell>
          <cell r="C270" t="str">
            <v>Cashiers-Borough Treasurers</v>
          </cell>
          <cell r="D270">
            <v>37144</v>
          </cell>
          <cell r="E270" t="str">
            <v>Barnet Owned</v>
          </cell>
          <cell r="F270">
            <v>11013</v>
          </cell>
          <cell r="G270">
            <v>0</v>
          </cell>
          <cell r="H270" t="str">
            <v>Barnet Owned</v>
          </cell>
          <cell r="I270" t="str">
            <v>N/A</v>
          </cell>
          <cell r="J270" t="str">
            <v>Mercedes 4.6 tonne Security Van</v>
          </cell>
        </row>
        <row r="271">
          <cell r="A271" t="str">
            <v>P715JVK</v>
          </cell>
          <cell r="B271" t="str">
            <v>7S833</v>
          </cell>
          <cell r="C271" t="str">
            <v>Street Scene - Cleansing</v>
          </cell>
          <cell r="D271">
            <v>35285</v>
          </cell>
          <cell r="E271" t="str">
            <v>Barnet Owned</v>
          </cell>
          <cell r="F271">
            <v>10652</v>
          </cell>
          <cell r="G271">
            <v>0</v>
          </cell>
          <cell r="H271" t="str">
            <v>Barnet Owned</v>
          </cell>
          <cell r="I271" t="str">
            <v>N/A</v>
          </cell>
          <cell r="J271" t="str">
            <v>Johnson 600 sweeper</v>
          </cell>
        </row>
        <row r="272">
          <cell r="A272" t="str">
            <v>PG07GVC</v>
          </cell>
          <cell r="B272" t="str">
            <v>1Z172</v>
          </cell>
          <cell r="C272" t="str">
            <v>Environmental Health</v>
          </cell>
          <cell r="F272">
            <v>10958</v>
          </cell>
          <cell r="G272">
            <v>2899</v>
          </cell>
          <cell r="H272" t="str">
            <v>Regular Hire</v>
          </cell>
          <cell r="I272" t="str">
            <v>GPL</v>
          </cell>
          <cell r="J272" t="str">
            <v>Volkswagen Caddy</v>
          </cell>
        </row>
        <row r="273">
          <cell r="A273" t="str">
            <v>PJ09XUP</v>
          </cell>
          <cell r="B273" t="str">
            <v>1Z231</v>
          </cell>
          <cell r="C273" t="str">
            <v>Parking</v>
          </cell>
          <cell r="D273">
            <v>39982</v>
          </cell>
          <cell r="F273">
            <v>10038</v>
          </cell>
          <cell r="G273">
            <v>3164.4</v>
          </cell>
          <cell r="H273" t="str">
            <v>Ad Hoc Hire</v>
          </cell>
          <cell r="I273" t="str">
            <v>GPL</v>
          </cell>
          <cell r="J273" t="str">
            <v>VW Caddy</v>
          </cell>
        </row>
        <row r="274">
          <cell r="A274" t="str">
            <v>PK07NOU</v>
          </cell>
          <cell r="B274" t="str">
            <v>2Z409</v>
          </cell>
          <cell r="C274" t="str">
            <v>Catering</v>
          </cell>
          <cell r="D274">
            <v>40066</v>
          </cell>
          <cell r="F274">
            <v>10675</v>
          </cell>
          <cell r="G274">
            <v>3411.24</v>
          </cell>
          <cell r="H274" t="str">
            <v>Regular Hire</v>
          </cell>
          <cell r="I274" t="str">
            <v>Target</v>
          </cell>
          <cell r="J274" t="str">
            <v>VW Transporter</v>
          </cell>
        </row>
        <row r="275">
          <cell r="A275" t="str">
            <v>PN03OKH</v>
          </cell>
          <cell r="B275" t="str">
            <v>1H100</v>
          </cell>
          <cell r="C275" t="str">
            <v>Parks &amp; Open Spaces</v>
          </cell>
          <cell r="D275">
            <v>38139</v>
          </cell>
          <cell r="F275">
            <v>10764</v>
          </cell>
          <cell r="G275">
            <v>0</v>
          </cell>
          <cell r="H275" t="str">
            <v>Barnet Owned</v>
          </cell>
          <cell r="I275" t="str">
            <v>N/A</v>
          </cell>
          <cell r="J275" t="str">
            <v>Honda Quad Bike</v>
          </cell>
        </row>
        <row r="276">
          <cell r="A276" t="str">
            <v>PN07HHW</v>
          </cell>
          <cell r="B276" t="str">
            <v>5Z005</v>
          </cell>
          <cell r="C276" t="str">
            <v>Street Scene - Refuse</v>
          </cell>
          <cell r="D276">
            <v>39979</v>
          </cell>
          <cell r="F276">
            <v>10655</v>
          </cell>
          <cell r="G276">
            <v>21840</v>
          </cell>
          <cell r="H276" t="str">
            <v>Ad Hoc Hire</v>
          </cell>
          <cell r="I276" t="str">
            <v>GPL</v>
          </cell>
          <cell r="J276" t="str">
            <v>18T Skip loader with ext arms</v>
          </cell>
        </row>
        <row r="277">
          <cell r="A277" t="str">
            <v>PN07HHX</v>
          </cell>
          <cell r="B277" t="str">
            <v>5Z009</v>
          </cell>
          <cell r="C277" t="str">
            <v>Street Scene - Cleansing</v>
          </cell>
          <cell r="D277">
            <v>40135</v>
          </cell>
          <cell r="F277">
            <v>10652</v>
          </cell>
          <cell r="H277" t="str">
            <v>Ad Hoc Hire</v>
          </cell>
          <cell r="I277" t="str">
            <v>GPL</v>
          </cell>
          <cell r="J277" t="str">
            <v>18 tonne Skip Lorry</v>
          </cell>
        </row>
        <row r="278">
          <cell r="A278" t="str">
            <v>PN55DXS</v>
          </cell>
          <cell r="B278" t="str">
            <v>2Z414</v>
          </cell>
          <cell r="C278" t="str">
            <v>Street Scene - Leafing</v>
          </cell>
          <cell r="D278">
            <v>40102</v>
          </cell>
          <cell r="F278">
            <v>10652</v>
          </cell>
          <cell r="H278" t="str">
            <v>Ad Hoc Hire</v>
          </cell>
          <cell r="I278" t="str">
            <v>GPL</v>
          </cell>
          <cell r="J278" t="str">
            <v>Ford transit Single cab cage tipper</v>
          </cell>
        </row>
        <row r="279">
          <cell r="A279" t="str">
            <v>PN56GEY</v>
          </cell>
          <cell r="B279" t="str">
            <v>1Z167</v>
          </cell>
          <cell r="C279" t="str">
            <v>Parks &amp; Open Spaces</v>
          </cell>
          <cell r="F279">
            <v>10764</v>
          </cell>
          <cell r="G279">
            <v>2899</v>
          </cell>
          <cell r="H279" t="str">
            <v>Regular Hire</v>
          </cell>
          <cell r="I279" t="str">
            <v>Target</v>
          </cell>
          <cell r="J279" t="str">
            <v>Caddy Van 1.8</v>
          </cell>
        </row>
        <row r="280">
          <cell r="A280" t="str">
            <v>PO56KHV</v>
          </cell>
          <cell r="B280" t="str">
            <v>5Z008</v>
          </cell>
          <cell r="C280" t="str">
            <v>Street Scene - Cleansing</v>
          </cell>
          <cell r="D280">
            <v>40106</v>
          </cell>
          <cell r="E280">
            <v>40112</v>
          </cell>
          <cell r="F280">
            <v>10652</v>
          </cell>
          <cell r="H280" t="str">
            <v>Ad Hoc Hire</v>
          </cell>
          <cell r="I280" t="str">
            <v>GPL</v>
          </cell>
          <cell r="J280" t="str">
            <v>Iveco 18 tonne Skip Lorry</v>
          </cell>
        </row>
        <row r="281">
          <cell r="A281" t="str">
            <v>PY02KZB</v>
          </cell>
          <cell r="B281" t="str">
            <v>1H101</v>
          </cell>
          <cell r="C281" t="str">
            <v>Parks &amp; Open Spaces</v>
          </cell>
          <cell r="D281">
            <v>38169</v>
          </cell>
          <cell r="F281">
            <v>10764</v>
          </cell>
          <cell r="G281">
            <v>0</v>
          </cell>
          <cell r="H281" t="str">
            <v>Barnet Owned</v>
          </cell>
          <cell r="I281" t="str">
            <v>N/A</v>
          </cell>
          <cell r="J281" t="str">
            <v>Honda Quad Bike</v>
          </cell>
        </row>
        <row r="282">
          <cell r="A282" t="str">
            <v>R717HGC</v>
          </cell>
          <cell r="B282" t="str">
            <v>5S551</v>
          </cell>
          <cell r="C282" t="str">
            <v>Street Scene - Cleansing</v>
          </cell>
          <cell r="D282">
            <v>35839</v>
          </cell>
          <cell r="E282" t="str">
            <v>Barnet Owned</v>
          </cell>
          <cell r="F282">
            <v>10652</v>
          </cell>
          <cell r="G282">
            <v>0</v>
          </cell>
          <cell r="H282" t="str">
            <v>Barnet Owned</v>
          </cell>
          <cell r="I282" t="str">
            <v>N/A</v>
          </cell>
          <cell r="J282" t="str">
            <v xml:space="preserve"> Seddon Atkinson 18 tonne Skip Lorry </v>
          </cell>
        </row>
        <row r="283">
          <cell r="A283" t="str">
            <v>RF08OXS</v>
          </cell>
          <cell r="B283" t="str">
            <v>1Z142A</v>
          </cell>
          <cell r="C283" t="str">
            <v>Parking</v>
          </cell>
          <cell r="D283">
            <v>40138</v>
          </cell>
          <cell r="F283">
            <v>10646</v>
          </cell>
          <cell r="H283" t="str">
            <v>Ad Hoc Hire</v>
          </cell>
          <cell r="I283" t="str">
            <v>Target</v>
          </cell>
          <cell r="J283" t="str">
            <v>V.W Shuttle</v>
          </cell>
        </row>
        <row r="284">
          <cell r="A284" t="str">
            <v>RO57PFA</v>
          </cell>
          <cell r="B284" t="str">
            <v>1Z142</v>
          </cell>
          <cell r="C284" t="str">
            <v>Parking</v>
          </cell>
          <cell r="F284">
            <v>10646</v>
          </cell>
          <cell r="G284">
            <v>5928</v>
          </cell>
          <cell r="H284" t="str">
            <v>Ad Hoc Hire</v>
          </cell>
          <cell r="I284" t="str">
            <v>Target</v>
          </cell>
          <cell r="J284" t="str">
            <v>V.W Shuttle</v>
          </cell>
        </row>
        <row r="285">
          <cell r="A285" t="str">
            <v>RO59JUH</v>
          </cell>
          <cell r="B285" t="str">
            <v>1Z167A</v>
          </cell>
          <cell r="C285" t="str">
            <v>Parks &amp; Open Spaces</v>
          </cell>
          <cell r="D285">
            <v>40134</v>
          </cell>
          <cell r="F285">
            <v>10764</v>
          </cell>
          <cell r="H285" t="str">
            <v>Regular Hire</v>
          </cell>
          <cell r="I285" t="str">
            <v>Target</v>
          </cell>
          <cell r="J285" t="str">
            <v>Caddy Van 1.8</v>
          </cell>
        </row>
        <row r="286">
          <cell r="A286" t="str">
            <v>RV58YCN</v>
          </cell>
          <cell r="B286" t="str">
            <v>1Z171</v>
          </cell>
          <cell r="C286" t="str">
            <v>Parking</v>
          </cell>
          <cell r="F286">
            <v>10646</v>
          </cell>
          <cell r="G286">
            <v>2899</v>
          </cell>
          <cell r="H286" t="str">
            <v>Ad Hoc Hire</v>
          </cell>
          <cell r="I286" t="str">
            <v>Target</v>
          </cell>
          <cell r="J286" t="str">
            <v>VW Caddy Maxi</v>
          </cell>
        </row>
        <row r="287">
          <cell r="A287" t="str">
            <v>RX57FLB</v>
          </cell>
          <cell r="B287" t="str">
            <v>7S013</v>
          </cell>
          <cell r="C287" t="str">
            <v>Street Scene - Cleansing</v>
          </cell>
          <cell r="D287">
            <v>39339</v>
          </cell>
          <cell r="E287" t="str">
            <v>Barnet Owned</v>
          </cell>
          <cell r="F287">
            <v>10652</v>
          </cell>
          <cell r="G287">
            <v>0</v>
          </cell>
          <cell r="H287" t="str">
            <v>Barnet Owned</v>
          </cell>
          <cell r="I287" t="str">
            <v>N/A</v>
          </cell>
          <cell r="J287" t="str">
            <v>Scarab Magnum 15 tonne</v>
          </cell>
        </row>
        <row r="288">
          <cell r="A288" t="str">
            <v>RX58EUY</v>
          </cell>
          <cell r="B288" t="str">
            <v>7S015</v>
          </cell>
          <cell r="C288" t="str">
            <v>Street Scene - Cleansing</v>
          </cell>
          <cell r="D288">
            <v>39797</v>
          </cell>
          <cell r="E288">
            <v>41623</v>
          </cell>
          <cell r="F288">
            <v>10652</v>
          </cell>
          <cell r="G288">
            <v>28068.560000000001</v>
          </cell>
          <cell r="H288" t="str">
            <v>Lease</v>
          </cell>
          <cell r="I288" t="str">
            <v>GPL</v>
          </cell>
          <cell r="J288" t="str">
            <v>Iveco Eurocargo Scarab MerlinXP Sweeper</v>
          </cell>
        </row>
        <row r="289">
          <cell r="A289" t="str">
            <v>RX58EVP</v>
          </cell>
          <cell r="B289" t="str">
            <v>7S014</v>
          </cell>
          <cell r="C289" t="str">
            <v>Street Scene - Cleansing</v>
          </cell>
          <cell r="D289">
            <v>39765</v>
          </cell>
          <cell r="E289" t="str">
            <v>Barnet Owned</v>
          </cell>
          <cell r="F289">
            <v>10652</v>
          </cell>
          <cell r="G289">
            <v>0</v>
          </cell>
          <cell r="H289" t="str">
            <v>Barnet Owned</v>
          </cell>
          <cell r="I289" t="str">
            <v>N/A</v>
          </cell>
          <cell r="J289" t="str">
            <v>Iveco Eurocargo Scarab MerlinXP Sweeper</v>
          </cell>
        </row>
        <row r="290">
          <cell r="A290" t="str">
            <v>T537AFC</v>
          </cell>
          <cell r="B290" t="str">
            <v>8W951</v>
          </cell>
          <cell r="C290" t="str">
            <v>Parks &amp; Open Spaces</v>
          </cell>
          <cell r="D290">
            <v>36465</v>
          </cell>
          <cell r="E290" t="str">
            <v>Barnet owned</v>
          </cell>
          <cell r="F290">
            <v>10764</v>
          </cell>
          <cell r="G290">
            <v>0</v>
          </cell>
          <cell r="H290" t="str">
            <v>Barnet Owned</v>
          </cell>
          <cell r="I290" t="str">
            <v>N/A</v>
          </cell>
          <cell r="J290" t="str">
            <v>Etesia Ride on</v>
          </cell>
        </row>
        <row r="291">
          <cell r="A291" t="str">
            <v>T538AFC</v>
          </cell>
          <cell r="B291" t="str">
            <v>8W952</v>
          </cell>
          <cell r="C291" t="str">
            <v>Parks &amp; Open Spaces</v>
          </cell>
          <cell r="D291">
            <v>36465</v>
          </cell>
          <cell r="E291" t="str">
            <v>Barnet owned</v>
          </cell>
          <cell r="F291">
            <v>10764</v>
          </cell>
          <cell r="G291">
            <v>0</v>
          </cell>
          <cell r="H291" t="str">
            <v>Barnet Owned</v>
          </cell>
          <cell r="I291" t="str">
            <v>N/A</v>
          </cell>
          <cell r="J291" t="str">
            <v>Etesia Ride on</v>
          </cell>
        </row>
        <row r="292">
          <cell r="A292" t="str">
            <v>VE58CVJ</v>
          </cell>
          <cell r="B292" t="str">
            <v>6R017</v>
          </cell>
          <cell r="C292" t="str">
            <v>Street Scene - Refuse</v>
          </cell>
          <cell r="D292">
            <v>39849</v>
          </cell>
          <cell r="E292">
            <v>40947</v>
          </cell>
          <cell r="F292">
            <v>10655</v>
          </cell>
          <cell r="G292" t="str">
            <v>SPARE</v>
          </cell>
          <cell r="H292" t="str">
            <v>Lease</v>
          </cell>
          <cell r="I292" t="str">
            <v>GPL</v>
          </cell>
          <cell r="J292" t="str">
            <v>Dennis 26tonne c/w Terberg Omni Del</v>
          </cell>
        </row>
        <row r="293">
          <cell r="A293" t="str">
            <v>VE58CVK</v>
          </cell>
          <cell r="B293" t="str">
            <v>6R018</v>
          </cell>
          <cell r="C293" t="str">
            <v>Street Scene - Refuse</v>
          </cell>
          <cell r="D293">
            <v>39851</v>
          </cell>
          <cell r="E293">
            <v>40954</v>
          </cell>
          <cell r="F293">
            <v>10655</v>
          </cell>
          <cell r="G293" t="str">
            <v>SPARE</v>
          </cell>
          <cell r="H293" t="str">
            <v>Lease</v>
          </cell>
          <cell r="I293" t="str">
            <v>GPL</v>
          </cell>
          <cell r="J293" t="str">
            <v>Dennis 26tonne c/w Terberg Omni Del</v>
          </cell>
        </row>
        <row r="294">
          <cell r="A294" t="str">
            <v>VE58CVL</v>
          </cell>
          <cell r="B294" t="str">
            <v>6R019</v>
          </cell>
          <cell r="C294" t="str">
            <v>Street Scene - Refuse</v>
          </cell>
          <cell r="D294">
            <v>39853</v>
          </cell>
          <cell r="E294">
            <v>40954</v>
          </cell>
          <cell r="F294">
            <v>10655</v>
          </cell>
          <cell r="G294" t="str">
            <v>SPARE</v>
          </cell>
          <cell r="H294" t="str">
            <v>Lease</v>
          </cell>
          <cell r="I294" t="str">
            <v>GPL</v>
          </cell>
          <cell r="J294" t="str">
            <v>Dennis 26tonne c/w Terberg Omni Del</v>
          </cell>
        </row>
        <row r="295">
          <cell r="A295" t="str">
            <v>VK06CJZ</v>
          </cell>
          <cell r="B295" t="str">
            <v>1Z238</v>
          </cell>
          <cell r="C295" t="str">
            <v>Street Scene - Refuse</v>
          </cell>
          <cell r="D295">
            <v>40118</v>
          </cell>
          <cell r="F295">
            <v>10655</v>
          </cell>
          <cell r="H295" t="str">
            <v>Ad Hoc Hire</v>
          </cell>
          <cell r="I295" t="str">
            <v>GPL</v>
          </cell>
          <cell r="J295" t="str">
            <v>Vauxhall Combi</v>
          </cell>
        </row>
        <row r="296">
          <cell r="A296" t="str">
            <v>VK58JLO</v>
          </cell>
          <cell r="B296" t="str">
            <v>6R006</v>
          </cell>
          <cell r="C296" t="str">
            <v>Street Scene - Refuse</v>
          </cell>
          <cell r="D296">
            <v>39741</v>
          </cell>
          <cell r="E296">
            <v>40845</v>
          </cell>
          <cell r="F296">
            <v>10655</v>
          </cell>
          <cell r="G296">
            <v>38530.44</v>
          </cell>
          <cell r="H296" t="str">
            <v>Lease</v>
          </cell>
          <cell r="I296" t="str">
            <v>GPL</v>
          </cell>
          <cell r="J296" t="str">
            <v>Dennis 26tonne c/w Terberg Omni Del</v>
          </cell>
        </row>
        <row r="297">
          <cell r="A297" t="str">
            <v>VK58JLU</v>
          </cell>
          <cell r="B297" t="str">
            <v>6C001</v>
          </cell>
          <cell r="C297" t="str">
            <v>Street Scene - Refuse</v>
          </cell>
          <cell r="D297">
            <v>39756</v>
          </cell>
          <cell r="E297">
            <v>41582</v>
          </cell>
          <cell r="F297">
            <v>10655</v>
          </cell>
          <cell r="G297">
            <v>39166.400000000001</v>
          </cell>
          <cell r="H297" t="str">
            <v>Lease</v>
          </cell>
          <cell r="I297" t="str">
            <v>GPL</v>
          </cell>
          <cell r="J297" t="str">
            <v>Dennis Narrow 24tonne  OMNI BL</v>
          </cell>
        </row>
        <row r="298">
          <cell r="A298" t="str">
            <v>VK58JLV</v>
          </cell>
          <cell r="B298" t="str">
            <v>6C002</v>
          </cell>
          <cell r="C298" t="str">
            <v>Street Scene - Refuse</v>
          </cell>
          <cell r="D298">
            <v>39756</v>
          </cell>
          <cell r="E298">
            <v>41582</v>
          </cell>
          <cell r="F298">
            <v>10655</v>
          </cell>
          <cell r="G298">
            <v>39166.400000000001</v>
          </cell>
          <cell r="H298" t="str">
            <v>Lease</v>
          </cell>
          <cell r="I298" t="str">
            <v>GPL</v>
          </cell>
          <cell r="J298" t="str">
            <v>Dennis Narrow 24tonne  OMNI BL</v>
          </cell>
        </row>
        <row r="299">
          <cell r="A299" t="str">
            <v>VK58JLX</v>
          </cell>
          <cell r="B299" t="str">
            <v>6C003</v>
          </cell>
          <cell r="C299" t="str">
            <v>Street Scene - Refuse</v>
          </cell>
          <cell r="D299">
            <v>39756</v>
          </cell>
          <cell r="E299">
            <v>41582</v>
          </cell>
          <cell r="F299">
            <v>10655</v>
          </cell>
          <cell r="G299">
            <v>39166.400000000001</v>
          </cell>
          <cell r="H299" t="str">
            <v>Lease</v>
          </cell>
          <cell r="I299" t="str">
            <v>GPL</v>
          </cell>
          <cell r="J299" t="str">
            <v>Dennis Narrow 24tonne  OMNI BL</v>
          </cell>
        </row>
        <row r="300">
          <cell r="A300" t="str">
            <v>VN58GGO</v>
          </cell>
          <cell r="B300" t="str">
            <v>6C004</v>
          </cell>
          <cell r="C300" t="str">
            <v>Street Scene - Refuse</v>
          </cell>
          <cell r="D300">
            <v>39815</v>
          </cell>
          <cell r="E300">
            <v>41641</v>
          </cell>
          <cell r="F300">
            <v>10655</v>
          </cell>
          <cell r="G300">
            <v>39166.400000000001</v>
          </cell>
          <cell r="H300" t="str">
            <v>Lease</v>
          </cell>
          <cell r="I300" t="str">
            <v>GPL</v>
          </cell>
          <cell r="J300" t="str">
            <v>Dennis Narrow 24tonne  OMNI BL</v>
          </cell>
        </row>
        <row r="301">
          <cell r="A301" t="str">
            <v>VN58GGP</v>
          </cell>
          <cell r="B301" t="str">
            <v>6C005</v>
          </cell>
          <cell r="C301" t="str">
            <v>Street Scene - Refuse</v>
          </cell>
          <cell r="D301">
            <v>39819</v>
          </cell>
          <cell r="E301">
            <v>41645</v>
          </cell>
          <cell r="F301">
            <v>10655</v>
          </cell>
          <cell r="G301">
            <v>39166.400000000001</v>
          </cell>
          <cell r="H301" t="str">
            <v>Lease</v>
          </cell>
          <cell r="I301" t="str">
            <v>GPL</v>
          </cell>
          <cell r="J301" t="str">
            <v>Dennis Narrow 24tonne  OMNI BL</v>
          </cell>
        </row>
        <row r="302">
          <cell r="A302" t="str">
            <v>VN58GGU</v>
          </cell>
          <cell r="B302" t="str">
            <v>6C006</v>
          </cell>
          <cell r="C302" t="str">
            <v>Street Scene - Refuse</v>
          </cell>
          <cell r="D302">
            <v>39839</v>
          </cell>
          <cell r="E302">
            <v>41665</v>
          </cell>
          <cell r="F302">
            <v>10655</v>
          </cell>
          <cell r="G302">
            <v>39166.400000000001</v>
          </cell>
          <cell r="H302" t="str">
            <v>Lease</v>
          </cell>
          <cell r="I302" t="str">
            <v>GPL</v>
          </cell>
          <cell r="J302" t="str">
            <v>Dennis Narrow 24tonne  OMNI BL</v>
          </cell>
        </row>
        <row r="303">
          <cell r="A303" t="str">
            <v>VN58GGV</v>
          </cell>
          <cell r="B303" t="str">
            <v>6C007</v>
          </cell>
          <cell r="C303" t="str">
            <v>Street Scene - Refuse</v>
          </cell>
          <cell r="D303">
            <v>39860</v>
          </cell>
          <cell r="E303">
            <v>41686</v>
          </cell>
          <cell r="F303">
            <v>10655</v>
          </cell>
          <cell r="G303" t="str">
            <v>SPARE</v>
          </cell>
          <cell r="H303" t="str">
            <v>Lease</v>
          </cell>
          <cell r="I303" t="str">
            <v>GPL</v>
          </cell>
          <cell r="J303" t="str">
            <v>Dennis Narrow 24tonne  OMNI BL</v>
          </cell>
        </row>
        <row r="304">
          <cell r="A304" t="str">
            <v>VN58GHV</v>
          </cell>
          <cell r="B304" t="str">
            <v>6R001</v>
          </cell>
          <cell r="C304" t="str">
            <v>Street Scene - Refuse</v>
          </cell>
          <cell r="E304">
            <v>40926</v>
          </cell>
          <cell r="F304">
            <v>10655</v>
          </cell>
          <cell r="G304">
            <v>38530.44</v>
          </cell>
          <cell r="H304" t="str">
            <v>Lease</v>
          </cell>
          <cell r="I304" t="str">
            <v>GPL</v>
          </cell>
          <cell r="J304" t="str">
            <v>Dennis 26tonne c/w Terberg Split lift</v>
          </cell>
        </row>
        <row r="305">
          <cell r="A305" t="str">
            <v>VN58GHX</v>
          </cell>
          <cell r="B305" t="str">
            <v>6R002</v>
          </cell>
          <cell r="C305" t="str">
            <v>Street Scene - Refuse</v>
          </cell>
          <cell r="E305">
            <v>40926</v>
          </cell>
          <cell r="F305">
            <v>10655</v>
          </cell>
          <cell r="G305">
            <v>38530.44</v>
          </cell>
          <cell r="H305" t="str">
            <v>Lease</v>
          </cell>
          <cell r="I305" t="str">
            <v>GPL</v>
          </cell>
          <cell r="J305" t="str">
            <v>Dennis 26tonne c/w Terberg Split lift</v>
          </cell>
        </row>
        <row r="306">
          <cell r="A306" t="str">
            <v>VN58GHY</v>
          </cell>
          <cell r="B306" t="str">
            <v>6R003</v>
          </cell>
          <cell r="C306" t="str">
            <v>Street Scene - Refuse</v>
          </cell>
          <cell r="E306">
            <v>40926</v>
          </cell>
          <cell r="F306">
            <v>10655</v>
          </cell>
          <cell r="G306">
            <v>38530.44</v>
          </cell>
          <cell r="H306" t="str">
            <v>Lease</v>
          </cell>
          <cell r="I306" t="str">
            <v>GPL</v>
          </cell>
          <cell r="J306" t="str">
            <v>Dennis 26tonne c/w Terberg Split lift</v>
          </cell>
        </row>
        <row r="307">
          <cell r="A307" t="str">
            <v>VN58GHZ</v>
          </cell>
          <cell r="B307" t="str">
            <v>6R004</v>
          </cell>
          <cell r="C307" t="str">
            <v>Street Scene - Refuse</v>
          </cell>
          <cell r="E307">
            <v>40926</v>
          </cell>
          <cell r="F307">
            <v>10655</v>
          </cell>
          <cell r="G307">
            <v>38530.44</v>
          </cell>
          <cell r="H307" t="str">
            <v>Lease</v>
          </cell>
          <cell r="I307" t="str">
            <v>GPL</v>
          </cell>
          <cell r="J307" t="str">
            <v>Dennis 26tonne c/w Terberg Split lift</v>
          </cell>
        </row>
        <row r="308">
          <cell r="A308" t="str">
            <v>VN58GJE</v>
          </cell>
          <cell r="B308" t="str">
            <v>6R005</v>
          </cell>
          <cell r="C308" t="str">
            <v>Street Scene - Refuse</v>
          </cell>
          <cell r="E308">
            <v>40926</v>
          </cell>
          <cell r="F308">
            <v>10655</v>
          </cell>
          <cell r="G308">
            <v>38530.44</v>
          </cell>
          <cell r="H308" t="str">
            <v>Lease</v>
          </cell>
          <cell r="I308" t="str">
            <v>GPL</v>
          </cell>
          <cell r="J308" t="str">
            <v>Dennis 26tonne c/w Terberg Split lift</v>
          </cell>
        </row>
        <row r="309">
          <cell r="A309" t="str">
            <v>VN58GJF</v>
          </cell>
          <cell r="B309" t="str">
            <v>6R007</v>
          </cell>
          <cell r="C309" t="str">
            <v>Street Scene - Refuse</v>
          </cell>
          <cell r="D309">
            <v>39832</v>
          </cell>
          <cell r="E309">
            <v>40926</v>
          </cell>
          <cell r="F309">
            <v>10655</v>
          </cell>
          <cell r="G309">
            <v>38530.44</v>
          </cell>
          <cell r="H309" t="str">
            <v>Lease</v>
          </cell>
          <cell r="I309" t="str">
            <v>GPL</v>
          </cell>
          <cell r="J309" t="str">
            <v>Dennis 26tonne c/w Terberg Omni Del</v>
          </cell>
        </row>
        <row r="310">
          <cell r="A310" t="str">
            <v>VN58GJG</v>
          </cell>
          <cell r="B310" t="str">
            <v>6R008</v>
          </cell>
          <cell r="C310" t="str">
            <v>Street Scene - Refuse</v>
          </cell>
          <cell r="D310">
            <v>39832</v>
          </cell>
          <cell r="E310">
            <v>40926</v>
          </cell>
          <cell r="F310">
            <v>10655</v>
          </cell>
          <cell r="G310">
            <v>38530.44</v>
          </cell>
          <cell r="H310" t="str">
            <v>Lease</v>
          </cell>
          <cell r="I310" t="str">
            <v>GPL</v>
          </cell>
          <cell r="J310" t="str">
            <v>Dennis 26tonne c/w Terberg Omni Del</v>
          </cell>
        </row>
        <row r="311">
          <cell r="A311" t="str">
            <v>VN58GJJ</v>
          </cell>
          <cell r="B311" t="str">
            <v>6R010</v>
          </cell>
          <cell r="C311" t="str">
            <v>Street Scene - Refuse</v>
          </cell>
          <cell r="D311">
            <v>39839</v>
          </cell>
          <cell r="E311">
            <v>40933</v>
          </cell>
          <cell r="F311">
            <v>10655</v>
          </cell>
          <cell r="G311">
            <v>38530.44</v>
          </cell>
          <cell r="H311" t="str">
            <v>Lease</v>
          </cell>
          <cell r="I311" t="str">
            <v>GPL</v>
          </cell>
          <cell r="J311" t="str">
            <v>Dennis 26tonne c/w Terberg Omni Del</v>
          </cell>
        </row>
        <row r="312">
          <cell r="A312" t="str">
            <v>VN58GJK</v>
          </cell>
          <cell r="B312" t="str">
            <v>6R009</v>
          </cell>
          <cell r="C312" t="str">
            <v>Street Scene - Refuse</v>
          </cell>
          <cell r="D312">
            <v>39839</v>
          </cell>
          <cell r="E312">
            <v>40933</v>
          </cell>
          <cell r="F312">
            <v>10655</v>
          </cell>
          <cell r="G312">
            <v>38530.44</v>
          </cell>
          <cell r="H312" t="str">
            <v>Lease</v>
          </cell>
          <cell r="I312" t="str">
            <v>GPL</v>
          </cell>
          <cell r="J312" t="str">
            <v>Dennis 26tonne c/w Terberg Omni Del</v>
          </cell>
        </row>
        <row r="313">
          <cell r="A313" t="str">
            <v>VN58GJO</v>
          </cell>
          <cell r="B313" t="str">
            <v>6R011</v>
          </cell>
          <cell r="C313" t="str">
            <v>Street Scene - Refuse</v>
          </cell>
          <cell r="D313">
            <v>39846</v>
          </cell>
          <cell r="E313">
            <v>40940</v>
          </cell>
          <cell r="F313">
            <v>10655</v>
          </cell>
          <cell r="G313">
            <v>38530.44</v>
          </cell>
          <cell r="H313" t="str">
            <v>Lease</v>
          </cell>
          <cell r="I313" t="str">
            <v>GPL</v>
          </cell>
          <cell r="J313" t="str">
            <v>Dennis 26tonne c/w Terberg Omni Del</v>
          </cell>
        </row>
        <row r="314">
          <cell r="A314" t="str">
            <v>VN58GJU</v>
          </cell>
          <cell r="B314" t="str">
            <v>6R012</v>
          </cell>
          <cell r="C314" t="str">
            <v>Street Scene - Refuse</v>
          </cell>
          <cell r="D314">
            <v>39846</v>
          </cell>
          <cell r="E314">
            <v>40940</v>
          </cell>
          <cell r="F314">
            <v>10655</v>
          </cell>
          <cell r="G314">
            <v>38530.44</v>
          </cell>
          <cell r="H314" t="str">
            <v>Lease</v>
          </cell>
          <cell r="I314" t="str">
            <v>GPL</v>
          </cell>
          <cell r="J314" t="str">
            <v>Dennis 26tonne c/w Terberg Omni Del</v>
          </cell>
        </row>
        <row r="315">
          <cell r="A315" t="str">
            <v>VN58GJV</v>
          </cell>
          <cell r="B315" t="str">
            <v>6R013</v>
          </cell>
          <cell r="C315" t="str">
            <v>Street Scene - Refuse</v>
          </cell>
          <cell r="D315">
            <v>39846</v>
          </cell>
          <cell r="E315">
            <v>40940</v>
          </cell>
          <cell r="F315">
            <v>10655</v>
          </cell>
          <cell r="G315">
            <v>38530.44</v>
          </cell>
          <cell r="H315" t="str">
            <v>Lease</v>
          </cell>
          <cell r="I315" t="str">
            <v>GPL</v>
          </cell>
          <cell r="J315" t="str">
            <v>Dennis 26tonne c/w Terberg Omni Del</v>
          </cell>
        </row>
        <row r="316">
          <cell r="A316" t="str">
            <v>VN58GJX</v>
          </cell>
          <cell r="B316" t="str">
            <v>6R014</v>
          </cell>
          <cell r="C316" t="str">
            <v>Street Scene - Refuse</v>
          </cell>
          <cell r="D316">
            <v>39846</v>
          </cell>
          <cell r="E316">
            <v>40940</v>
          </cell>
          <cell r="F316">
            <v>10655</v>
          </cell>
          <cell r="G316">
            <v>38530.44</v>
          </cell>
          <cell r="H316" t="str">
            <v>Lease</v>
          </cell>
          <cell r="I316" t="str">
            <v>GPL</v>
          </cell>
          <cell r="J316" t="str">
            <v>Dennis 26tonne c/w Terberg Omni Del</v>
          </cell>
        </row>
        <row r="317">
          <cell r="A317" t="str">
            <v>VN58GJY</v>
          </cell>
          <cell r="B317" t="str">
            <v>6R015</v>
          </cell>
          <cell r="C317" t="str">
            <v>Street Scene - Refuse</v>
          </cell>
          <cell r="D317">
            <v>39853</v>
          </cell>
          <cell r="E317">
            <v>40954</v>
          </cell>
          <cell r="F317">
            <v>10655</v>
          </cell>
          <cell r="G317">
            <v>38530.44</v>
          </cell>
          <cell r="H317" t="str">
            <v>Lease</v>
          </cell>
          <cell r="I317" t="str">
            <v>GPL</v>
          </cell>
          <cell r="J317" t="str">
            <v>Dennis 26tonne c/w Terberg Omni Del</v>
          </cell>
        </row>
        <row r="318">
          <cell r="A318" t="str">
            <v>VN58GJZ</v>
          </cell>
          <cell r="B318" t="str">
            <v>6R016</v>
          </cell>
          <cell r="C318" t="str">
            <v>Street Scene - Refuse</v>
          </cell>
          <cell r="D318">
            <v>39846</v>
          </cell>
          <cell r="E318">
            <v>40940</v>
          </cell>
          <cell r="F318">
            <v>10655</v>
          </cell>
          <cell r="G318">
            <v>38530.44</v>
          </cell>
          <cell r="H318" t="str">
            <v>Lease</v>
          </cell>
          <cell r="I318" t="str">
            <v>GPL</v>
          </cell>
          <cell r="J318" t="str">
            <v>Dennis 26tonne c/w Terberg Omni Del</v>
          </cell>
        </row>
        <row r="319">
          <cell r="A319" t="str">
            <v>VU52TKK</v>
          </cell>
          <cell r="B319" t="str">
            <v>6B208</v>
          </cell>
          <cell r="C319" t="str">
            <v>Street Scene - Refuse</v>
          </cell>
          <cell r="D319">
            <v>37690</v>
          </cell>
          <cell r="E319">
            <v>40247</v>
          </cell>
          <cell r="F319">
            <v>10655</v>
          </cell>
          <cell r="G319">
            <v>24770.1</v>
          </cell>
          <cell r="H319" t="str">
            <v>Lease</v>
          </cell>
          <cell r="I319" t="str">
            <v>SFS</v>
          </cell>
          <cell r="J319" t="str">
            <v>Dennis 22.3 tonne Narrow c/w Terberg Trade Lift</v>
          </cell>
        </row>
        <row r="320">
          <cell r="A320" t="str">
            <v>VU52TKN</v>
          </cell>
          <cell r="B320" t="str">
            <v>6B207</v>
          </cell>
          <cell r="C320" t="str">
            <v>Street Scene - Refuse</v>
          </cell>
          <cell r="D320">
            <v>37690</v>
          </cell>
          <cell r="E320">
            <v>40247</v>
          </cell>
          <cell r="F320">
            <v>10655</v>
          </cell>
          <cell r="G320">
            <v>24770.1</v>
          </cell>
          <cell r="H320" t="str">
            <v>Lease</v>
          </cell>
          <cell r="I320" t="str">
            <v>SFS</v>
          </cell>
          <cell r="J320" t="str">
            <v>Dennis 22.3 tonne Narrow c/w Terberg Trade Lift</v>
          </cell>
        </row>
        <row r="321">
          <cell r="A321" t="str">
            <v>VU57NKA</v>
          </cell>
          <cell r="B321" t="str">
            <v>1Z140</v>
          </cell>
          <cell r="C321" t="str">
            <v>Print</v>
          </cell>
          <cell r="F321">
            <v>11038</v>
          </cell>
          <cell r="G321">
            <v>2974.4</v>
          </cell>
          <cell r="H321" t="str">
            <v>Regular Hire</v>
          </cell>
          <cell r="I321" t="str">
            <v>Target</v>
          </cell>
          <cell r="J321" t="str">
            <v>Vauxhall Combi</v>
          </cell>
        </row>
        <row r="322">
          <cell r="A322" t="str">
            <v>VU57NVO</v>
          </cell>
          <cell r="B322" t="str">
            <v>1Z147</v>
          </cell>
          <cell r="C322" t="str">
            <v>Couriers</v>
          </cell>
          <cell r="F322">
            <v>11038</v>
          </cell>
          <cell r="G322">
            <v>3172</v>
          </cell>
          <cell r="H322" t="str">
            <v>Regular Hire</v>
          </cell>
          <cell r="I322" t="str">
            <v>Target</v>
          </cell>
          <cell r="J322" t="str">
            <v>Vauxhall Astra van</v>
          </cell>
        </row>
        <row r="323">
          <cell r="A323" t="str">
            <v>VU57NWG</v>
          </cell>
          <cell r="B323" t="str">
            <v>1Z141</v>
          </cell>
          <cell r="C323" t="str">
            <v xml:space="preserve">Archives </v>
          </cell>
          <cell r="F323">
            <v>11050</v>
          </cell>
          <cell r="G323">
            <v>2974.4</v>
          </cell>
          <cell r="H323" t="str">
            <v>Regular Hire</v>
          </cell>
          <cell r="I323" t="str">
            <v>Target</v>
          </cell>
          <cell r="J323" t="str">
            <v>Vauxhall Combi</v>
          </cell>
        </row>
        <row r="324">
          <cell r="A324" t="str">
            <v>VX09WJK</v>
          </cell>
          <cell r="B324" t="str">
            <v>6C008</v>
          </cell>
          <cell r="C324" t="str">
            <v>Street Scene - Refuse</v>
          </cell>
          <cell r="D324">
            <v>39959</v>
          </cell>
          <cell r="E324" t="str">
            <v>SPARE</v>
          </cell>
          <cell r="F324">
            <v>10655</v>
          </cell>
          <cell r="G324" t="str">
            <v>SPARE</v>
          </cell>
          <cell r="H324" t="str">
            <v>Lease</v>
          </cell>
          <cell r="I324" t="str">
            <v>GPL</v>
          </cell>
          <cell r="J324" t="str">
            <v>Dennis Narrow 24tonne  OMNI BL</v>
          </cell>
        </row>
        <row r="325">
          <cell r="A325" t="str">
            <v>VX51GOA</v>
          </cell>
          <cell r="B325" t="str">
            <v>6D004</v>
          </cell>
          <cell r="C325" t="str">
            <v>Street Scene - Refuse</v>
          </cell>
          <cell r="D325" t="str">
            <v>Barnet Owned</v>
          </cell>
          <cell r="E325" t="str">
            <v>Barnet Owned</v>
          </cell>
          <cell r="F325">
            <v>10655</v>
          </cell>
          <cell r="G325">
            <v>0</v>
          </cell>
          <cell r="H325" t="str">
            <v>Barnet Owned</v>
          </cell>
          <cell r="I325" t="str">
            <v>N/A</v>
          </cell>
          <cell r="J325" t="str">
            <v>Dennis 26tonne c/w Terberg Split lift</v>
          </cell>
        </row>
        <row r="326">
          <cell r="A326" t="str">
            <v>VX54BVB</v>
          </cell>
          <cell r="B326" t="str">
            <v>6B209</v>
          </cell>
          <cell r="C326" t="str">
            <v>Street Scene - Refuse</v>
          </cell>
          <cell r="D326">
            <v>38292</v>
          </cell>
          <cell r="E326">
            <v>40848</v>
          </cell>
          <cell r="F326">
            <v>10655</v>
          </cell>
          <cell r="G326">
            <v>24777.09548</v>
          </cell>
          <cell r="H326" t="str">
            <v>Lease</v>
          </cell>
          <cell r="I326" t="str">
            <v>SFS</v>
          </cell>
          <cell r="J326" t="str">
            <v>Dennis 22.3 tonne Narrow c/w Terberg Trade Lift</v>
          </cell>
        </row>
        <row r="327">
          <cell r="A327" t="str">
            <v>WU53DMO</v>
          </cell>
          <cell r="B327" t="str">
            <v>4Z274</v>
          </cell>
          <cell r="C327" t="str">
            <v>Street Scene - Cleansing</v>
          </cell>
          <cell r="D327">
            <v>40082</v>
          </cell>
          <cell r="F327">
            <v>10652</v>
          </cell>
          <cell r="H327" t="str">
            <v>Regular Hire</v>
          </cell>
          <cell r="I327" t="str">
            <v>GPL</v>
          </cell>
          <cell r="J327" t="str">
            <v>7.5 Cage Tipper--T/L</v>
          </cell>
        </row>
        <row r="328">
          <cell r="A328" t="str">
            <v>WU53ERJ</v>
          </cell>
          <cell r="B328" t="str">
            <v>4Z272</v>
          </cell>
          <cell r="C328" t="str">
            <v>Barnet Homes - Caretakers</v>
          </cell>
          <cell r="D328">
            <v>40082</v>
          </cell>
          <cell r="F328" t="str">
            <v>External</v>
          </cell>
          <cell r="G328">
            <v>0</v>
          </cell>
          <cell r="H328" t="str">
            <v>Ad Hoc Hire</v>
          </cell>
          <cell r="I328" t="str">
            <v>GPL</v>
          </cell>
          <cell r="J328" t="str">
            <v>7.5 Cage Tipper--T/L</v>
          </cell>
        </row>
        <row r="329">
          <cell r="A329" t="str">
            <v>WU53ERJ</v>
          </cell>
          <cell r="B329" t="str">
            <v>4Z273</v>
          </cell>
          <cell r="C329" t="str">
            <v>Street Scene - Cleansing</v>
          </cell>
          <cell r="D329">
            <v>40066</v>
          </cell>
          <cell r="E329">
            <v>40081</v>
          </cell>
          <cell r="F329">
            <v>10652</v>
          </cell>
          <cell r="H329" t="str">
            <v>Ad Hoc Hire</v>
          </cell>
          <cell r="I329" t="str">
            <v>GPL</v>
          </cell>
          <cell r="J329" t="str">
            <v>7.5 Cage Tipper--T/L</v>
          </cell>
        </row>
        <row r="330">
          <cell r="A330" t="str">
            <v>WV07SWJ</v>
          </cell>
          <cell r="B330" t="str">
            <v>1Z205</v>
          </cell>
          <cell r="C330" t="str">
            <v>Barnet Homes - Caretakers</v>
          </cell>
          <cell r="D330">
            <v>39917</v>
          </cell>
          <cell r="F330" t="str">
            <v>External</v>
          </cell>
          <cell r="G330">
            <v>2825.52</v>
          </cell>
          <cell r="H330" t="str">
            <v>Ad Hoc Hire</v>
          </cell>
          <cell r="I330" t="str">
            <v>Gpl</v>
          </cell>
          <cell r="J330" t="str">
            <v>Fiat Doblo</v>
          </cell>
        </row>
        <row r="331">
          <cell r="A331" t="str">
            <v>WX55AUH</v>
          </cell>
          <cell r="B331" t="str">
            <v>6G305</v>
          </cell>
          <cell r="C331" t="str">
            <v>Street Scene - Refuse</v>
          </cell>
          <cell r="D331">
            <v>38608</v>
          </cell>
          <cell r="E331">
            <v>40434</v>
          </cell>
          <cell r="F331">
            <v>10655</v>
          </cell>
          <cell r="G331">
            <v>27315.209966210041</v>
          </cell>
          <cell r="H331" t="str">
            <v>Lease</v>
          </cell>
          <cell r="I331" t="str">
            <v>SFS</v>
          </cell>
          <cell r="J331" t="str">
            <v>Mercedes  Econic RotaPress c/w Terberg Split lift</v>
          </cell>
        </row>
        <row r="332">
          <cell r="A332" t="str">
            <v>WX55AUJ</v>
          </cell>
          <cell r="B332" t="str">
            <v>6G306</v>
          </cell>
          <cell r="C332" t="str">
            <v>Street Scene - Refuse</v>
          </cell>
          <cell r="D332">
            <v>38600</v>
          </cell>
          <cell r="E332">
            <v>40426</v>
          </cell>
          <cell r="F332">
            <v>10655</v>
          </cell>
          <cell r="G332">
            <v>27959.8127716895</v>
          </cell>
          <cell r="H332" t="str">
            <v>Lease</v>
          </cell>
          <cell r="I332" t="str">
            <v>SFS</v>
          </cell>
          <cell r="J332" t="str">
            <v>Mercedes  Econic RotaPress c/w Terberg Split lift</v>
          </cell>
        </row>
        <row r="333">
          <cell r="A333" t="str">
            <v>Y211JKX</v>
          </cell>
          <cell r="B333" t="str">
            <v>8T005</v>
          </cell>
          <cell r="C333" t="str">
            <v>Parks &amp; Open Spaces</v>
          </cell>
          <cell r="D333">
            <v>3739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  <cell r="J333" t="str">
            <v>JOHN DEERE 3310 Tractor</v>
          </cell>
        </row>
        <row r="334">
          <cell r="A334" t="str">
            <v>Y212JKX</v>
          </cell>
          <cell r="B334" t="str">
            <v>8T001</v>
          </cell>
          <cell r="C334" t="str">
            <v>Parks &amp; Open Spaces</v>
          </cell>
          <cell r="D334">
            <v>37025</v>
          </cell>
          <cell r="E334" t="str">
            <v>Barnet Owned</v>
          </cell>
          <cell r="F334">
            <v>10764</v>
          </cell>
          <cell r="G334">
            <v>0</v>
          </cell>
          <cell r="H334" t="str">
            <v>Barnet Owned</v>
          </cell>
          <cell r="I334" t="str">
            <v>N/A</v>
          </cell>
          <cell r="J334" t="str">
            <v>JOHN DEERE 6310 Tractor</v>
          </cell>
        </row>
        <row r="335">
          <cell r="A335" t="str">
            <v>Y213JKX</v>
          </cell>
          <cell r="B335" t="str">
            <v>8T002</v>
          </cell>
          <cell r="C335" t="str">
            <v>Parks &amp; Open Spaces</v>
          </cell>
          <cell r="D335">
            <v>37025</v>
          </cell>
          <cell r="E335" t="str">
            <v>Barnet Owned</v>
          </cell>
          <cell r="F335">
            <v>10764</v>
          </cell>
          <cell r="G335">
            <v>0</v>
          </cell>
          <cell r="H335" t="str">
            <v>Barnet Owned</v>
          </cell>
          <cell r="I335" t="str">
            <v>N/A</v>
          </cell>
          <cell r="J335" t="str">
            <v>JOHN DEERE 6310 Tractor</v>
          </cell>
        </row>
        <row r="336">
          <cell r="A336" t="str">
            <v>Y214JKX</v>
          </cell>
          <cell r="B336" t="str">
            <v>8T003</v>
          </cell>
          <cell r="C336" t="str">
            <v>Parks &amp; Open Spaces</v>
          </cell>
          <cell r="D336">
            <v>37025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  <cell r="J336" t="str">
            <v xml:space="preserve"> J DEERE 3310X  GMP6 TRACTOR </v>
          </cell>
        </row>
        <row r="337">
          <cell r="A337" t="str">
            <v>Y215JKX</v>
          </cell>
          <cell r="B337" t="str">
            <v>8T004</v>
          </cell>
          <cell r="C337" t="str">
            <v>Parks &amp; Open Spaces</v>
          </cell>
          <cell r="D337">
            <v>37025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  <cell r="J337" t="str">
            <v>JOHN DEERE 3310 Tractor</v>
          </cell>
        </row>
        <row r="338">
          <cell r="A338" t="str">
            <v>Y297VKX</v>
          </cell>
          <cell r="B338" t="str">
            <v>3A005</v>
          </cell>
          <cell r="C338" t="str">
            <v>Passenger Fleet</v>
          </cell>
          <cell r="D338">
            <v>37502</v>
          </cell>
          <cell r="E338" t="str">
            <v>Barnet Owned</v>
          </cell>
          <cell r="F338">
            <v>10776</v>
          </cell>
          <cell r="G338">
            <v>0</v>
          </cell>
          <cell r="H338" t="str">
            <v>Barnet Owned</v>
          </cell>
          <cell r="I338" t="str">
            <v>N/A</v>
          </cell>
          <cell r="J338" t="str">
            <v xml:space="preserve">Ford Transit W/C Accessable bus 16 seats </v>
          </cell>
        </row>
        <row r="339">
          <cell r="A339" t="str">
            <v>Y342HDU</v>
          </cell>
          <cell r="B339" t="str">
            <v>6B201</v>
          </cell>
          <cell r="C339" t="str">
            <v>Street Scene - Refuse</v>
          </cell>
          <cell r="D339" t="str">
            <v>Barnet Owned</v>
          </cell>
          <cell r="E339" t="str">
            <v>n/a</v>
          </cell>
          <cell r="F339">
            <v>10655</v>
          </cell>
          <cell r="G339">
            <v>0</v>
          </cell>
          <cell r="H339" t="str">
            <v>Barnet Owned</v>
          </cell>
          <cell r="I339" t="str">
            <v>N/A</v>
          </cell>
          <cell r="J339" t="str">
            <v>Dennis 22.3 tonne Narrow c/w Dennis Trade Lift</v>
          </cell>
        </row>
        <row r="340">
          <cell r="A340" t="str">
            <v>Y441HDU</v>
          </cell>
          <cell r="B340" t="str">
            <v>6B202</v>
          </cell>
          <cell r="C340" t="str">
            <v>Street Scene - Refuse</v>
          </cell>
          <cell r="D340" t="str">
            <v>Barnet Owned</v>
          </cell>
          <cell r="F340">
            <v>10655</v>
          </cell>
          <cell r="G340">
            <v>0</v>
          </cell>
          <cell r="H340" t="str">
            <v>Barnet Owned</v>
          </cell>
          <cell r="I340" t="str">
            <v>N/A</v>
          </cell>
          <cell r="J340" t="str">
            <v>Dennis 22.3 tonne Narrow c/w Dennis Trade Lift</v>
          </cell>
        </row>
        <row r="341">
          <cell r="A341" t="str">
            <v>Y568XGS</v>
          </cell>
          <cell r="B341" t="str">
            <v>8T006</v>
          </cell>
          <cell r="C341" t="str">
            <v>Hendon Crem</v>
          </cell>
          <cell r="D341">
            <v>37064</v>
          </cell>
          <cell r="E341" t="str">
            <v>Barnet Owned</v>
          </cell>
          <cell r="F341">
            <v>10661</v>
          </cell>
          <cell r="G341">
            <v>0</v>
          </cell>
          <cell r="H341" t="str">
            <v>Barnet Owned</v>
          </cell>
          <cell r="I341" t="str">
            <v>N/A</v>
          </cell>
          <cell r="J341" t="str">
            <v>JOHN DEERE 3310 Tractor</v>
          </cell>
        </row>
        <row r="342">
          <cell r="A342" t="str">
            <v>YJ56ZBZ</v>
          </cell>
          <cell r="B342" t="str">
            <v>5Z007</v>
          </cell>
          <cell r="C342" t="str">
            <v>Street Scene - Refuse</v>
          </cell>
          <cell r="D342">
            <v>40095</v>
          </cell>
          <cell r="F342">
            <v>10655</v>
          </cell>
          <cell r="G342">
            <v>0</v>
          </cell>
          <cell r="H342" t="str">
            <v>Ad Hoc Hire</v>
          </cell>
          <cell r="I342" t="str">
            <v>GPL</v>
          </cell>
          <cell r="J342" t="str">
            <v>26T Grab Lorry</v>
          </cell>
        </row>
        <row r="343">
          <cell r="A343" t="str">
            <v>YN03NKL</v>
          </cell>
          <cell r="B343" t="str">
            <v>2G038</v>
          </cell>
          <cell r="C343" t="str">
            <v>Neighbourhood Management</v>
          </cell>
          <cell r="D343">
            <v>37712</v>
          </cell>
          <cell r="G343">
            <v>0</v>
          </cell>
          <cell r="H343" t="str">
            <v>Barnet Owned</v>
          </cell>
          <cell r="I343" t="str">
            <v>N/A</v>
          </cell>
          <cell r="J343" t="str">
            <v>Mercedes 411 Van</v>
          </cell>
        </row>
        <row r="344">
          <cell r="A344" t="str">
            <v>YX05WJJ</v>
          </cell>
          <cell r="B344" t="str">
            <v>2Z410</v>
          </cell>
          <cell r="C344" t="str">
            <v>Street Scene - Cleansing</v>
          </cell>
          <cell r="D344">
            <v>40088</v>
          </cell>
          <cell r="F344">
            <v>10652</v>
          </cell>
          <cell r="G344">
            <v>9282</v>
          </cell>
          <cell r="H344" t="str">
            <v>Ad Hoc Hire</v>
          </cell>
          <cell r="I344" t="str">
            <v>GPL</v>
          </cell>
          <cell r="J344" t="str">
            <v>3.5 C/C Tipper</v>
          </cell>
        </row>
        <row r="345">
          <cell r="A345" t="str">
            <v>YX06FDK</v>
          </cell>
          <cell r="B345" t="str">
            <v>8Z102</v>
          </cell>
          <cell r="C345" t="str">
            <v>Parks &amp; Open Spaces</v>
          </cell>
          <cell r="D345">
            <v>40031</v>
          </cell>
          <cell r="F345">
            <v>10764</v>
          </cell>
          <cell r="H345" t="str">
            <v>Regular Hire</v>
          </cell>
          <cell r="I345" t="str">
            <v>GPL</v>
          </cell>
          <cell r="J345" t="str">
            <v>Hayter LT324 ride on</v>
          </cell>
        </row>
        <row r="346">
          <cell r="A346" t="str">
            <v>YY03PYA</v>
          </cell>
          <cell r="B346" t="str">
            <v>2Z415</v>
          </cell>
          <cell r="C346" t="str">
            <v>Street Scene - Leafing</v>
          </cell>
          <cell r="F346">
            <v>10652</v>
          </cell>
          <cell r="H346" t="str">
            <v>Ad Hoc Hire</v>
          </cell>
          <cell r="I346" t="str">
            <v>GPL</v>
          </cell>
          <cell r="J346" t="str">
            <v>Ford transit Single cab cage tipper</v>
          </cell>
        </row>
      </sheetData>
      <sheetData sheetId="8"/>
      <sheetData sheetId="9"/>
      <sheetData sheetId="1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.10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LBB recharges"/>
      <sheetName val="Regorder"/>
      <sheetName val="Schedule 5 - Maint. Recharges"/>
      <sheetName val="Schedule 6 - Other Fleet Serv"/>
    </sheetNames>
    <sheetDataSet>
      <sheetData sheetId="0">
        <row r="4">
          <cell r="A4" t="str">
            <v>Fleet Number</v>
          </cell>
          <cell r="B4" t="str">
            <v>Registration No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Contract Type</v>
          </cell>
          <cell r="H4" t="str">
            <v>Hired From</v>
          </cell>
          <cell r="I4" t="str">
            <v>Vehicle Description</v>
          </cell>
          <cell r="J4" t="str">
            <v>Estimated vehicle replacement cost</v>
          </cell>
          <cell r="K4" t="str">
            <v>User / Contact</v>
          </cell>
          <cell r="L4" t="str">
            <v>Comments</v>
          </cell>
        </row>
        <row r="5">
          <cell r="A5" t="str">
            <v>0Z876</v>
          </cell>
          <cell r="B5" t="str">
            <v>KX08DWU</v>
          </cell>
          <cell r="C5" t="str">
            <v>Highway Maintenance (10938)</v>
          </cell>
          <cell r="F5">
            <v>10620</v>
          </cell>
          <cell r="G5" t="str">
            <v>Ad Hoc Hire</v>
          </cell>
          <cell r="H5" t="str">
            <v>GPL</v>
          </cell>
          <cell r="I5" t="str">
            <v>JCB telehendler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 t="str">
            <v>Barnet Owned</v>
          </cell>
          <cell r="H6" t="str">
            <v>N/A</v>
          </cell>
          <cell r="I6" t="str">
            <v>Honda Quad Bike</v>
          </cell>
          <cell r="J6">
            <v>1000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 t="str">
            <v>Barnet Owned</v>
          </cell>
          <cell r="H7" t="str">
            <v>N/A</v>
          </cell>
          <cell r="I7" t="str">
            <v>Honda Quad Bike</v>
          </cell>
          <cell r="J7">
            <v>1000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 t="str">
            <v>Lease</v>
          </cell>
          <cell r="H8" t="str">
            <v>1st Line Motorcycle</v>
          </cell>
          <cell r="I8" t="str">
            <v>Honda Psi Scooter</v>
          </cell>
          <cell r="K8" t="str">
            <v>Daniel Binnington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 t="str">
            <v>Lease</v>
          </cell>
          <cell r="H9" t="str">
            <v>1st Line Motorcycle</v>
          </cell>
          <cell r="I9" t="str">
            <v>Honda Psi Scooter</v>
          </cell>
          <cell r="K9" t="str">
            <v>Daniel Binnington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 t="str">
            <v>Lease</v>
          </cell>
          <cell r="H10" t="str">
            <v>1st Line Motorcycle</v>
          </cell>
          <cell r="I10" t="str">
            <v>Honda Psi Scooter</v>
          </cell>
          <cell r="K10" t="str">
            <v>Daniel Binnington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 t="str">
            <v>Lease</v>
          </cell>
          <cell r="H11" t="str">
            <v>1st Line Motorcycle</v>
          </cell>
          <cell r="I11" t="str">
            <v>Honda Psi Scooter</v>
          </cell>
          <cell r="K11" t="str">
            <v>Daniel Binnington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 t="str">
            <v>Lease</v>
          </cell>
          <cell r="H12" t="str">
            <v>1st Line Motorcycle</v>
          </cell>
          <cell r="I12" t="str">
            <v>Honda Psi Scooter</v>
          </cell>
          <cell r="K12" t="str">
            <v>Daniel Binnington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 t="str">
            <v>Lease</v>
          </cell>
          <cell r="H13" t="str">
            <v>1st Line Motorcycle</v>
          </cell>
          <cell r="I13" t="str">
            <v>Honda Psi Scooter</v>
          </cell>
          <cell r="K13" t="str">
            <v>Daniel Binnington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 t="str">
            <v>Lease</v>
          </cell>
          <cell r="H14" t="str">
            <v>1st Line Motorcycle</v>
          </cell>
          <cell r="I14" t="str">
            <v>Honda Psi Scooter</v>
          </cell>
          <cell r="K14" t="str">
            <v>Daniel Binnington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 t="str">
            <v>Barnet Owned</v>
          </cell>
          <cell r="H15" t="str">
            <v>N/A</v>
          </cell>
          <cell r="I15" t="str">
            <v>Motorbikes</v>
          </cell>
          <cell r="J15">
            <v>300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 t="str">
            <v>Barnet Owned</v>
          </cell>
          <cell r="H16" t="str">
            <v>N/A</v>
          </cell>
          <cell r="I16" t="str">
            <v>Motorbikes</v>
          </cell>
          <cell r="J16">
            <v>1000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 t="str">
            <v>Barnet Owned</v>
          </cell>
          <cell r="H17" t="str">
            <v>N/A</v>
          </cell>
          <cell r="I17" t="str">
            <v>Vauxhall Astra Car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 t="str">
            <v>Lease</v>
          </cell>
          <cell r="H18" t="str">
            <v>GPL</v>
          </cell>
          <cell r="I18" t="str">
            <v>Jaguar XJ Diesel Saloon 2.7 Tdvi Sovereign</v>
          </cell>
          <cell r="J18">
            <v>13188</v>
          </cell>
          <cell r="K18" t="str">
            <v>Vanessa Gearson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 t="str">
            <v>Lease</v>
          </cell>
          <cell r="H19" t="str">
            <v>GPL</v>
          </cell>
          <cell r="I19" t="str">
            <v>Ford Mondeo CD 345 2.00 TDCi Titanium</v>
          </cell>
          <cell r="J19">
            <v>5328</v>
          </cell>
          <cell r="K19" t="str">
            <v>Vanessa Gearson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 t="str">
            <v>Barnet Owned</v>
          </cell>
          <cell r="H20" t="str">
            <v>N/A</v>
          </cell>
          <cell r="I20" t="str">
            <v>Landrover 110</v>
          </cell>
          <cell r="J20">
            <v>1000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 t="str">
            <v>Lease</v>
          </cell>
          <cell r="H21" t="str">
            <v>SFS</v>
          </cell>
          <cell r="I21" t="str">
            <v>Ford Ranger single cab pickup</v>
          </cell>
          <cell r="J21">
            <v>7000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 t="str">
            <v>Lease</v>
          </cell>
          <cell r="H22" t="str">
            <v>SFS</v>
          </cell>
          <cell r="I22" t="str">
            <v>Vauxhall Corsa Van</v>
          </cell>
          <cell r="J22">
            <v>5500</v>
          </cell>
          <cell r="K22" t="str">
            <v>Terry Dobson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 t="str">
            <v>Lease</v>
          </cell>
          <cell r="H23" t="str">
            <v>SFS</v>
          </cell>
          <cell r="I23" t="str">
            <v>Vauxhall Corsa Van</v>
          </cell>
          <cell r="J23">
            <v>5500</v>
          </cell>
          <cell r="K23" t="str">
            <v>Paul Barley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 t="str">
            <v>Lease</v>
          </cell>
          <cell r="H24" t="str">
            <v>SFS</v>
          </cell>
          <cell r="I24" t="str">
            <v>Vauxhall Corsa Van</v>
          </cell>
          <cell r="J24">
            <v>5500</v>
          </cell>
          <cell r="K24" t="str">
            <v>Mick Rocket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 t="str">
            <v>Lease</v>
          </cell>
          <cell r="H25" t="str">
            <v>SFS</v>
          </cell>
          <cell r="I25" t="str">
            <v>Vauxhall Corsa Van</v>
          </cell>
          <cell r="J25">
            <v>5500</v>
          </cell>
          <cell r="K25" t="str">
            <v>Jane Theobald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 t="str">
            <v>Lease</v>
          </cell>
          <cell r="H26" t="str">
            <v>SFS</v>
          </cell>
          <cell r="I26" t="str">
            <v>Vauxhall Corsa Van</v>
          </cell>
          <cell r="J26">
            <v>5500</v>
          </cell>
          <cell r="K26" t="str">
            <v>John Robertson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 t="str">
            <v>Lease</v>
          </cell>
          <cell r="H27" t="str">
            <v>SFS</v>
          </cell>
          <cell r="I27" t="str">
            <v>Vauxhall Combo Crew Van</v>
          </cell>
          <cell r="J27">
            <v>5500</v>
          </cell>
          <cell r="K27" t="str">
            <v>Bob Cripp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 t="str">
            <v>Lease</v>
          </cell>
          <cell r="H28" t="str">
            <v>SFS</v>
          </cell>
          <cell r="I28" t="str">
            <v>Vauxhall Combo Crew Van</v>
          </cell>
          <cell r="J28">
            <v>5500</v>
          </cell>
          <cell r="K28" t="str">
            <v>Gary Mulcare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 t="str">
            <v>Lease</v>
          </cell>
          <cell r="H29" t="str">
            <v>SFS</v>
          </cell>
          <cell r="I29" t="str">
            <v>Vauxhall Combo Crew Van</v>
          </cell>
          <cell r="J29">
            <v>5500</v>
          </cell>
          <cell r="K29" t="str">
            <v>Mick Martell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 t="str">
            <v>Lease</v>
          </cell>
          <cell r="H30" t="str">
            <v>SFS</v>
          </cell>
          <cell r="I30" t="str">
            <v>Vauxhall Combo Crew Van</v>
          </cell>
          <cell r="J30">
            <v>5500</v>
          </cell>
          <cell r="K30" t="str">
            <v>Jason Armitage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 t="str">
            <v>Lease</v>
          </cell>
          <cell r="H31" t="str">
            <v>SFS</v>
          </cell>
          <cell r="I31" t="str">
            <v>Vauxhall Combi Van</v>
          </cell>
          <cell r="J31">
            <v>6000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 t="str">
            <v>Lease</v>
          </cell>
          <cell r="H32" t="str">
            <v>GPL</v>
          </cell>
          <cell r="I32" t="str">
            <v>Vauxhall Combo Crew Van</v>
          </cell>
          <cell r="L32" t="str">
            <v>Replacing Hired Vehicle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 t="str">
            <v>Lease</v>
          </cell>
          <cell r="H33" t="str">
            <v>GPL</v>
          </cell>
          <cell r="I33" t="str">
            <v>Vauxhall Combo Crew Van</v>
          </cell>
          <cell r="L33" t="str">
            <v>Replacing Hired Vehicle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 t="str">
            <v>Lease</v>
          </cell>
          <cell r="H34" t="str">
            <v>GPL</v>
          </cell>
          <cell r="I34" t="str">
            <v>Vauxhall Combo Crew Van</v>
          </cell>
          <cell r="L34" t="str">
            <v>Replacing Hired Vehicle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 t="str">
            <v>Regular Hire</v>
          </cell>
          <cell r="H35" t="str">
            <v>Target</v>
          </cell>
          <cell r="I35" t="str">
            <v>Vauxhall Combi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 t="str">
            <v>Regular Hire</v>
          </cell>
          <cell r="H36" t="str">
            <v>Target</v>
          </cell>
          <cell r="I36" t="str">
            <v>Vauxhall Combi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 t="str">
            <v>Ad Hoc Hire</v>
          </cell>
          <cell r="H37" t="str">
            <v>Target</v>
          </cell>
          <cell r="I37" t="str">
            <v>V.W Shuttle</v>
          </cell>
          <cell r="L37" t="str">
            <v>standard vehicle priced</v>
          </cell>
        </row>
        <row r="38">
          <cell r="A38" t="str">
            <v>1Z145</v>
          </cell>
          <cell r="B38" t="str">
            <v>NL58UHZ</v>
          </cell>
          <cell r="C38" t="str">
            <v>Libraries Moblie Services</v>
          </cell>
          <cell r="F38">
            <v>10362</v>
          </cell>
          <cell r="G38" t="str">
            <v>Regular Hire</v>
          </cell>
          <cell r="H38" t="str">
            <v>Target</v>
          </cell>
          <cell r="I38" t="str">
            <v>Ford Connect</v>
          </cell>
        </row>
        <row r="39">
          <cell r="A39" t="str">
            <v>1Z147</v>
          </cell>
          <cell r="B39" t="str">
            <v>VU57NVO</v>
          </cell>
          <cell r="C39" t="str">
            <v>Couriers</v>
          </cell>
          <cell r="F39">
            <v>11038</v>
          </cell>
          <cell r="G39" t="str">
            <v>Regular Hire</v>
          </cell>
          <cell r="H39" t="str">
            <v>Target</v>
          </cell>
          <cell r="I39" t="str">
            <v>Vauxhall Astra van</v>
          </cell>
        </row>
        <row r="40">
          <cell r="A40" t="str">
            <v>1Z149</v>
          </cell>
          <cell r="B40" t="str">
            <v>BG58WZM</v>
          </cell>
          <cell r="C40" t="str">
            <v>Libraries Moblie Services</v>
          </cell>
          <cell r="F40">
            <v>10362</v>
          </cell>
          <cell r="G40" t="str">
            <v>Regular Hire</v>
          </cell>
          <cell r="H40" t="str">
            <v>Target</v>
          </cell>
          <cell r="I40" t="str">
            <v>VW Caddy</v>
          </cell>
        </row>
        <row r="41">
          <cell r="A41" t="str">
            <v>1Z167</v>
          </cell>
          <cell r="B41" t="str">
            <v>PN56GEY</v>
          </cell>
          <cell r="C41" t="str">
            <v>Parks &amp; Open Spaces</v>
          </cell>
          <cell r="F41">
            <v>10764</v>
          </cell>
          <cell r="G41" t="str">
            <v>Regular Hire</v>
          </cell>
          <cell r="H41" t="str">
            <v>Target</v>
          </cell>
          <cell r="I41" t="str">
            <v>Caddy Van 1.8</v>
          </cell>
        </row>
        <row r="42">
          <cell r="A42" t="str">
            <v>1Z167A</v>
          </cell>
          <cell r="B42" t="str">
            <v>RO59JUH</v>
          </cell>
          <cell r="C42" t="str">
            <v>Parks &amp; Open Spaces</v>
          </cell>
          <cell r="D42">
            <v>40134</v>
          </cell>
          <cell r="F42">
            <v>10764</v>
          </cell>
          <cell r="G42" t="str">
            <v>Regular Hire</v>
          </cell>
          <cell r="H42" t="str">
            <v>Target</v>
          </cell>
          <cell r="I42" t="str">
            <v>Caddy Van 1.8</v>
          </cell>
        </row>
        <row r="43">
          <cell r="A43" t="str">
            <v>1Z171</v>
          </cell>
          <cell r="B43" t="str">
            <v>RV58YCN</v>
          </cell>
          <cell r="C43" t="str">
            <v>Parking</v>
          </cell>
          <cell r="F43">
            <v>10646</v>
          </cell>
          <cell r="G43" t="str">
            <v>Ad Hoc Hire</v>
          </cell>
          <cell r="H43" t="str">
            <v>Target</v>
          </cell>
          <cell r="I43" t="str">
            <v>VW Caddy Maxi</v>
          </cell>
          <cell r="L43" t="str">
            <v>standard vehicle priced</v>
          </cell>
        </row>
        <row r="44">
          <cell r="A44" t="str">
            <v>1Z172</v>
          </cell>
          <cell r="B44" t="str">
            <v>PG07GVC</v>
          </cell>
          <cell r="C44" t="str">
            <v>Environmental Health</v>
          </cell>
          <cell r="F44">
            <v>10958</v>
          </cell>
          <cell r="G44" t="str">
            <v>Regular Hire</v>
          </cell>
          <cell r="H44" t="str">
            <v>GPL</v>
          </cell>
          <cell r="I44" t="str">
            <v>Volkswagen Caddy</v>
          </cell>
        </row>
        <row r="45">
          <cell r="A45" t="str">
            <v>1Z173</v>
          </cell>
          <cell r="B45" t="str">
            <v>NM07TXJ</v>
          </cell>
          <cell r="C45" t="str">
            <v>Street Scene - Cleansing</v>
          </cell>
          <cell r="F45">
            <v>10652</v>
          </cell>
          <cell r="G45" t="str">
            <v>Regular Hire</v>
          </cell>
          <cell r="H45" t="str">
            <v>GPL</v>
          </cell>
          <cell r="I45" t="str">
            <v>Ford Fiesta Van</v>
          </cell>
        </row>
        <row r="46">
          <cell r="A46" t="str">
            <v>1Z178</v>
          </cell>
          <cell r="B46" t="str">
            <v>NJ57GNY</v>
          </cell>
          <cell r="C46" t="str">
            <v>Children  &amp; Families</v>
          </cell>
          <cell r="F46">
            <v>10566</v>
          </cell>
          <cell r="G46" t="str">
            <v>Regular Hire</v>
          </cell>
          <cell r="H46" t="str">
            <v>GPL</v>
          </cell>
          <cell r="I46" t="str">
            <v>Ford Fiesta Car</v>
          </cell>
        </row>
        <row r="47">
          <cell r="A47" t="str">
            <v>1Z179</v>
          </cell>
          <cell r="B47" t="str">
            <v>NJ57GPU</v>
          </cell>
          <cell r="C47" t="str">
            <v>Planning</v>
          </cell>
          <cell r="F47">
            <v>10038</v>
          </cell>
          <cell r="G47" t="str">
            <v>Regular Hire</v>
          </cell>
          <cell r="H47" t="str">
            <v>GPL</v>
          </cell>
          <cell r="I47" t="str">
            <v>Ford Fiesta Car</v>
          </cell>
        </row>
        <row r="48">
          <cell r="A48" t="str">
            <v>1Z203</v>
          </cell>
          <cell r="B48" t="str">
            <v>DV56FWY</v>
          </cell>
          <cell r="C48" t="str">
            <v>Parks &amp; Open Spaces</v>
          </cell>
          <cell r="D48">
            <v>39912</v>
          </cell>
          <cell r="F48">
            <v>10764</v>
          </cell>
          <cell r="G48" t="str">
            <v>Ad Hoc Hire</v>
          </cell>
          <cell r="H48" t="str">
            <v>Gpl</v>
          </cell>
          <cell r="I48" t="str">
            <v>L200 Mitshibishi Single Cab</v>
          </cell>
          <cell r="L48" t="str">
            <v>3 Months + Hire</v>
          </cell>
        </row>
        <row r="49">
          <cell r="A49" t="str">
            <v>1Z205</v>
          </cell>
          <cell r="B49" t="str">
            <v>WV07SWJ</v>
          </cell>
          <cell r="C49" t="str">
            <v>Barnet Homes - Caretakers</v>
          </cell>
          <cell r="D49">
            <v>39917</v>
          </cell>
          <cell r="F49" t="str">
            <v>External</v>
          </cell>
          <cell r="G49" t="str">
            <v>Ad Hoc Hire</v>
          </cell>
          <cell r="H49" t="str">
            <v>Gpl</v>
          </cell>
          <cell r="I49" t="str">
            <v>Fiat Doblo</v>
          </cell>
          <cell r="L49" t="str">
            <v>6 Months + Hire</v>
          </cell>
        </row>
        <row r="50">
          <cell r="A50" t="str">
            <v>1Z225</v>
          </cell>
          <cell r="B50" t="str">
            <v>BF09OTY</v>
          </cell>
          <cell r="C50" t="str">
            <v>Parking</v>
          </cell>
          <cell r="D50">
            <v>39945</v>
          </cell>
          <cell r="F50">
            <v>10038</v>
          </cell>
          <cell r="G50" t="str">
            <v>Regular Hire</v>
          </cell>
          <cell r="H50" t="str">
            <v>GPL</v>
          </cell>
          <cell r="I50" t="str">
            <v>Ford Courier Van</v>
          </cell>
        </row>
        <row r="51">
          <cell r="A51" t="str">
            <v>1Z227A</v>
          </cell>
          <cell r="B51" t="str">
            <v>RV08YTL</v>
          </cell>
          <cell r="C51" t="str">
            <v>Parking</v>
          </cell>
          <cell r="D51">
            <v>40026</v>
          </cell>
          <cell r="F51">
            <v>10038</v>
          </cell>
          <cell r="G51" t="str">
            <v>Regular Hire</v>
          </cell>
          <cell r="H51" t="str">
            <v>GPL</v>
          </cell>
          <cell r="I51" t="str">
            <v>V.W Shuttle</v>
          </cell>
        </row>
        <row r="52">
          <cell r="A52" t="str">
            <v>1Z227B</v>
          </cell>
          <cell r="B52" t="str">
            <v>RF08OXM</v>
          </cell>
          <cell r="C52" t="str">
            <v>Parking</v>
          </cell>
          <cell r="F52">
            <v>10038</v>
          </cell>
          <cell r="G52" t="str">
            <v>Regular Hire</v>
          </cell>
          <cell r="H52" t="str">
            <v>GPL</v>
          </cell>
          <cell r="I52" t="str">
            <v>V.W Shuttle</v>
          </cell>
          <cell r="L52" t="str">
            <v>Covering 1Z227A</v>
          </cell>
        </row>
        <row r="53">
          <cell r="A53" t="str">
            <v>1Z229</v>
          </cell>
          <cell r="B53" t="str">
            <v>NU09PCX</v>
          </cell>
          <cell r="C53" t="str">
            <v>Parking</v>
          </cell>
          <cell r="D53">
            <v>39961</v>
          </cell>
          <cell r="F53">
            <v>10038</v>
          </cell>
          <cell r="G53" t="str">
            <v>Regular Hire</v>
          </cell>
          <cell r="H53" t="str">
            <v>GPL</v>
          </cell>
          <cell r="I53" t="str">
            <v>Peugeot 308 MDI</v>
          </cell>
          <cell r="L53" t="str">
            <v>Replacing : 1Z226</v>
          </cell>
        </row>
        <row r="54">
          <cell r="A54" t="str">
            <v>1Z231</v>
          </cell>
          <cell r="B54" t="str">
            <v>PJ09XUP</v>
          </cell>
          <cell r="C54" t="str">
            <v>Parking</v>
          </cell>
          <cell r="D54">
            <v>39982</v>
          </cell>
          <cell r="F54">
            <v>10038</v>
          </cell>
          <cell r="G54" t="str">
            <v>Ad Hoc Hire</v>
          </cell>
          <cell r="H54" t="str">
            <v>GPL</v>
          </cell>
          <cell r="I54" t="str">
            <v>VW Caddy</v>
          </cell>
          <cell r="L54" t="str">
            <v>Replacing 1Z228 for Accident Repair</v>
          </cell>
        </row>
        <row r="55">
          <cell r="A55" t="str">
            <v>1Z238</v>
          </cell>
          <cell r="B55" t="str">
            <v>VK06CJZ</v>
          </cell>
          <cell r="C55" t="str">
            <v>Street Scene - Refuse</v>
          </cell>
          <cell r="D55">
            <v>40118</v>
          </cell>
          <cell r="F55">
            <v>10655</v>
          </cell>
          <cell r="G55" t="str">
            <v>Ad Hoc Hire</v>
          </cell>
          <cell r="H55" t="str">
            <v>GPL</v>
          </cell>
          <cell r="I55" t="str">
            <v>Vauxhall Combi</v>
          </cell>
        </row>
        <row r="56">
          <cell r="A56" t="str">
            <v>1Z233</v>
          </cell>
          <cell r="B56" t="str">
            <v>NH07EBO</v>
          </cell>
          <cell r="C56" t="str">
            <v>Street Scene - Refuse</v>
          </cell>
          <cell r="D56">
            <v>40120</v>
          </cell>
          <cell r="F56">
            <v>10655</v>
          </cell>
          <cell r="G56" t="str">
            <v>Ad Hoc Hire</v>
          </cell>
          <cell r="H56" t="str">
            <v>GPL</v>
          </cell>
          <cell r="I56" t="str">
            <v>Ford Fiesta Van</v>
          </cell>
          <cell r="L56" t="str">
            <v>Replacing  1V093</v>
          </cell>
        </row>
        <row r="57">
          <cell r="A57" t="str">
            <v>1Z234</v>
          </cell>
          <cell r="B57" t="str">
            <v>ND57NGN</v>
          </cell>
          <cell r="C57" t="str">
            <v>Street Scene - Cleansing</v>
          </cell>
          <cell r="D57">
            <v>40120</v>
          </cell>
          <cell r="F57">
            <v>10652</v>
          </cell>
          <cell r="G57" t="str">
            <v>Ad Hoc Hire</v>
          </cell>
          <cell r="H57" t="str">
            <v>GPL</v>
          </cell>
          <cell r="I57" t="str">
            <v>Peugeot 206 HDI</v>
          </cell>
          <cell r="L57" t="str">
            <v>Replacing  1V094</v>
          </cell>
        </row>
        <row r="58">
          <cell r="A58" t="str">
            <v>1Z235</v>
          </cell>
          <cell r="B58" t="str">
            <v>NV56APZ</v>
          </cell>
          <cell r="C58" t="str">
            <v>Street Scene - Cleansing</v>
          </cell>
          <cell r="D58">
            <v>40136</v>
          </cell>
          <cell r="F58">
            <v>10652</v>
          </cell>
          <cell r="G58" t="str">
            <v>Regular Hire</v>
          </cell>
          <cell r="H58" t="str">
            <v>GPL</v>
          </cell>
          <cell r="I58" t="str">
            <v>Peugeot 206 HDI</v>
          </cell>
          <cell r="L58" t="str">
            <v>Replacing 1V095</v>
          </cell>
        </row>
        <row r="59">
          <cell r="A59" t="str">
            <v>1Z236</v>
          </cell>
          <cell r="B59" t="str">
            <v>GY59VUH</v>
          </cell>
          <cell r="C59" t="str">
            <v>Street Scene - Cleansing</v>
          </cell>
          <cell r="D59">
            <v>40137</v>
          </cell>
          <cell r="F59">
            <v>10652</v>
          </cell>
          <cell r="G59" t="str">
            <v>Regular Hire</v>
          </cell>
          <cell r="H59" t="str">
            <v>GPL</v>
          </cell>
          <cell r="I59" t="str">
            <v>V.W Caddy</v>
          </cell>
          <cell r="L59" t="str">
            <v>Replacing 1V</v>
          </cell>
        </row>
        <row r="60">
          <cell r="A60" t="str">
            <v>1Z237</v>
          </cell>
          <cell r="B60" t="str">
            <v>GY59VUJ</v>
          </cell>
          <cell r="C60" t="str">
            <v>Street Scene - Cleansing</v>
          </cell>
          <cell r="D60">
            <v>40137</v>
          </cell>
          <cell r="F60">
            <v>10652</v>
          </cell>
          <cell r="G60" t="str">
            <v>Regular Hire</v>
          </cell>
          <cell r="H60" t="str">
            <v>GPL</v>
          </cell>
          <cell r="I60" t="str">
            <v>V.W Caddy</v>
          </cell>
          <cell r="L60" t="str">
            <v>Replacing 1V</v>
          </cell>
        </row>
        <row r="61">
          <cell r="A61" t="str">
            <v>1Z238</v>
          </cell>
          <cell r="B61" t="str">
            <v>BHZ3788</v>
          </cell>
          <cell r="C61" t="str">
            <v>Passenger Fleet</v>
          </cell>
          <cell r="D61">
            <v>40187</v>
          </cell>
          <cell r="G61" t="str">
            <v>Barnet Owned</v>
          </cell>
          <cell r="H61" t="str">
            <v>N/A</v>
          </cell>
          <cell r="I61" t="str">
            <v>Nissan Mistral  4x4</v>
          </cell>
        </row>
        <row r="62">
          <cell r="A62" t="str">
            <v>2G026</v>
          </cell>
          <cell r="B62" t="str">
            <v>NU52PZH</v>
          </cell>
          <cell r="C62" t="str">
            <v>Street Scene - Refuse</v>
          </cell>
          <cell r="D62">
            <v>37518</v>
          </cell>
          <cell r="F62">
            <v>10655</v>
          </cell>
          <cell r="G62" t="str">
            <v>Lease</v>
          </cell>
          <cell r="H62" t="str">
            <v>SFS</v>
          </cell>
          <cell r="I62" t="str">
            <v>Mercedes Sprinter 413</v>
          </cell>
          <cell r="J62">
            <v>6000</v>
          </cell>
          <cell r="L62" t="str">
            <v>Changed ownership to LBB 4 Oct~08</v>
          </cell>
        </row>
        <row r="63">
          <cell r="A63" t="str">
            <v>2G038</v>
          </cell>
          <cell r="B63" t="str">
            <v>YN03NKL</v>
          </cell>
          <cell r="C63" t="str">
            <v>Neighbourhood Management</v>
          </cell>
          <cell r="D63">
            <v>37712</v>
          </cell>
          <cell r="G63" t="str">
            <v>Barnet Owned</v>
          </cell>
          <cell r="H63" t="str">
            <v>N/A</v>
          </cell>
          <cell r="I63" t="str">
            <v>Mercedes 411 Van</v>
          </cell>
          <cell r="J63">
            <v>15000</v>
          </cell>
          <cell r="K63" t="str">
            <v>Gary Davies CCTV</v>
          </cell>
        </row>
        <row r="64">
          <cell r="A64" t="str">
            <v>2G040</v>
          </cell>
          <cell r="B64" t="str">
            <v>LT04FLH</v>
          </cell>
          <cell r="C64" t="str">
            <v>Parks &amp; Open Spaces</v>
          </cell>
          <cell r="D64">
            <v>38047</v>
          </cell>
          <cell r="F64">
            <v>10764</v>
          </cell>
          <cell r="G64" t="str">
            <v>Lease</v>
          </cell>
          <cell r="H64" t="str">
            <v>SFS</v>
          </cell>
          <cell r="I64" t="str">
            <v>Ford Transit 350 Van</v>
          </cell>
          <cell r="J64">
            <v>5000</v>
          </cell>
          <cell r="L64" t="str">
            <v>Extended to 31 Mar 09 - amend lease end date 31.03.09</v>
          </cell>
        </row>
        <row r="65">
          <cell r="A65" t="str">
            <v>2G060</v>
          </cell>
          <cell r="B65" t="str">
            <v>LT54CEK</v>
          </cell>
          <cell r="C65" t="str">
            <v>Barnet Homes - Caretakers</v>
          </cell>
          <cell r="D65">
            <v>38238</v>
          </cell>
          <cell r="F65" t="str">
            <v>External</v>
          </cell>
          <cell r="G65" t="str">
            <v>Lease</v>
          </cell>
          <cell r="H65" t="str">
            <v>SFS</v>
          </cell>
          <cell r="I65" t="str">
            <v>Ford Transit 350 Van</v>
          </cell>
          <cell r="J65">
            <v>8000</v>
          </cell>
        </row>
        <row r="66">
          <cell r="A66" t="str">
            <v>2G061</v>
          </cell>
          <cell r="B66" t="str">
            <v>LT54CLJ</v>
          </cell>
          <cell r="C66" t="str">
            <v>Housing 21</v>
          </cell>
          <cell r="D66">
            <v>38238</v>
          </cell>
          <cell r="F66" t="str">
            <v>External</v>
          </cell>
          <cell r="G66" t="str">
            <v>Lease</v>
          </cell>
          <cell r="H66" t="str">
            <v>SFS</v>
          </cell>
          <cell r="I66" t="str">
            <v>Ford Transit 350 Van</v>
          </cell>
          <cell r="J66">
            <v>5000</v>
          </cell>
        </row>
        <row r="67">
          <cell r="A67" t="str">
            <v>2G062</v>
          </cell>
          <cell r="B67" t="str">
            <v>LT54CLN</v>
          </cell>
          <cell r="C67" t="str">
            <v>Housing 21</v>
          </cell>
          <cell r="D67">
            <v>38238</v>
          </cell>
          <cell r="F67" t="str">
            <v>External</v>
          </cell>
          <cell r="G67" t="str">
            <v>Lease</v>
          </cell>
          <cell r="H67" t="str">
            <v>SFS</v>
          </cell>
          <cell r="I67" t="str">
            <v>Ford Transit 350 Van</v>
          </cell>
          <cell r="J67">
            <v>5000</v>
          </cell>
        </row>
        <row r="68">
          <cell r="A68" t="str">
            <v>2G071</v>
          </cell>
          <cell r="B68" t="str">
            <v>LT55KHD</v>
          </cell>
          <cell r="C68" t="str">
            <v>Libraries</v>
          </cell>
          <cell r="D68">
            <v>38666</v>
          </cell>
          <cell r="F68">
            <v>10339</v>
          </cell>
          <cell r="G68" t="str">
            <v>Lease</v>
          </cell>
          <cell r="H68" t="str">
            <v>SFS</v>
          </cell>
          <cell r="I68" t="str">
            <v>Ford Transit Library Van</v>
          </cell>
          <cell r="J68">
            <v>10000</v>
          </cell>
          <cell r="L68" t="str">
            <v>Extended to 31 Mar 09</v>
          </cell>
        </row>
        <row r="69">
          <cell r="A69" t="str">
            <v>2G072</v>
          </cell>
          <cell r="B69" t="str">
            <v>LT06BPV</v>
          </cell>
          <cell r="C69" t="str">
            <v>Parks &amp; Open Spaces</v>
          </cell>
          <cell r="D69">
            <v>38841</v>
          </cell>
          <cell r="F69">
            <v>10764</v>
          </cell>
          <cell r="G69" t="str">
            <v>Lease</v>
          </cell>
          <cell r="H69" t="str">
            <v>SFS</v>
          </cell>
          <cell r="I69" t="str">
            <v>Ford Transit Connect</v>
          </cell>
          <cell r="J69">
            <v>6000</v>
          </cell>
        </row>
        <row r="70">
          <cell r="A70" t="str">
            <v>2G073</v>
          </cell>
          <cell r="B70" t="str">
            <v>LT06BOV</v>
          </cell>
          <cell r="C70" t="str">
            <v>Parks &amp; Open Spaces</v>
          </cell>
          <cell r="D70">
            <v>38841</v>
          </cell>
          <cell r="F70">
            <v>10764</v>
          </cell>
          <cell r="G70" t="str">
            <v>Lease</v>
          </cell>
          <cell r="H70" t="str">
            <v>SFS</v>
          </cell>
          <cell r="I70" t="str">
            <v>Ford Transit Connect</v>
          </cell>
          <cell r="J70">
            <v>6000</v>
          </cell>
        </row>
        <row r="71">
          <cell r="A71" t="str">
            <v>2G074</v>
          </cell>
          <cell r="B71" t="str">
            <v>LT06BPO</v>
          </cell>
          <cell r="C71" t="str">
            <v>Parks &amp; Open Spaces</v>
          </cell>
          <cell r="D71">
            <v>38841</v>
          </cell>
          <cell r="F71">
            <v>10764</v>
          </cell>
          <cell r="G71" t="str">
            <v>Lease</v>
          </cell>
          <cell r="H71" t="str">
            <v>SFS</v>
          </cell>
          <cell r="I71" t="str">
            <v>Ford Transit Connect</v>
          </cell>
          <cell r="J71">
            <v>6000</v>
          </cell>
          <cell r="K71" t="str">
            <v>Tony Brownlie</v>
          </cell>
        </row>
        <row r="72">
          <cell r="A72" t="str">
            <v>2G075</v>
          </cell>
          <cell r="B72" t="str">
            <v>LT06BPF</v>
          </cell>
          <cell r="C72" t="str">
            <v>Environmental Health</v>
          </cell>
          <cell r="D72">
            <v>38841</v>
          </cell>
          <cell r="F72">
            <v>10958</v>
          </cell>
          <cell r="G72" t="str">
            <v>Lease</v>
          </cell>
          <cell r="H72" t="str">
            <v>SFS</v>
          </cell>
          <cell r="I72" t="str">
            <v>Ford Transit Connect</v>
          </cell>
          <cell r="J72">
            <v>6000</v>
          </cell>
        </row>
        <row r="73">
          <cell r="A73" t="str">
            <v>2G076</v>
          </cell>
          <cell r="B73" t="str">
            <v>LN57WVU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 t="str">
            <v>Lease</v>
          </cell>
          <cell r="H73" t="str">
            <v>SFS</v>
          </cell>
          <cell r="I73" t="str">
            <v>Ford Transit Medium Roof</v>
          </cell>
          <cell r="J73">
            <v>8500</v>
          </cell>
        </row>
        <row r="74">
          <cell r="A74" t="str">
            <v>2G077</v>
          </cell>
          <cell r="B74" t="str">
            <v>LN57WVV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 t="str">
            <v>Lease</v>
          </cell>
          <cell r="H74" t="str">
            <v>SFS</v>
          </cell>
          <cell r="I74" t="str">
            <v>Ford Transit Medium Roof</v>
          </cell>
          <cell r="J74">
            <v>8500</v>
          </cell>
        </row>
        <row r="75">
          <cell r="A75" t="str">
            <v>2G078</v>
          </cell>
          <cell r="B75" t="str">
            <v>LN57WVW</v>
          </cell>
          <cell r="C75" t="str">
            <v>Barnet Homes - Caretakers</v>
          </cell>
          <cell r="D75">
            <v>39328</v>
          </cell>
          <cell r="E75">
            <v>40424</v>
          </cell>
          <cell r="F75" t="str">
            <v>External</v>
          </cell>
          <cell r="G75" t="str">
            <v>Lease</v>
          </cell>
          <cell r="H75" t="str">
            <v>SFS</v>
          </cell>
          <cell r="I75" t="str">
            <v>Ford Transit Medium Roof</v>
          </cell>
          <cell r="J75">
            <v>8500</v>
          </cell>
        </row>
        <row r="76">
          <cell r="A76" t="str">
            <v>2G079</v>
          </cell>
          <cell r="B76" t="str">
            <v>LN57WVX</v>
          </cell>
          <cell r="C76" t="str">
            <v>Barnet Homes - Caretakers</v>
          </cell>
          <cell r="D76">
            <v>39328</v>
          </cell>
          <cell r="E76">
            <v>40424</v>
          </cell>
          <cell r="F76" t="str">
            <v>External</v>
          </cell>
          <cell r="G76" t="str">
            <v>Lease</v>
          </cell>
          <cell r="H76" t="str">
            <v>SFS</v>
          </cell>
          <cell r="I76" t="str">
            <v>Ford Transit Medium Roof</v>
          </cell>
          <cell r="J76">
            <v>8500</v>
          </cell>
        </row>
        <row r="77">
          <cell r="A77" t="str">
            <v>2G080</v>
          </cell>
          <cell r="B77" t="str">
            <v>LN57XBA</v>
          </cell>
          <cell r="C77" t="str">
            <v>Barnet Homes - Caretakers</v>
          </cell>
          <cell r="D77">
            <v>39486</v>
          </cell>
          <cell r="E77">
            <v>41313</v>
          </cell>
          <cell r="F77" t="str">
            <v>External</v>
          </cell>
          <cell r="G77" t="str">
            <v>Lease</v>
          </cell>
          <cell r="H77" t="str">
            <v>SFS</v>
          </cell>
          <cell r="I77" t="str">
            <v>Ford Transit Medium Roof- Grafitti</v>
          </cell>
          <cell r="J77">
            <v>8500</v>
          </cell>
        </row>
        <row r="78">
          <cell r="A78" t="str">
            <v>2S001</v>
          </cell>
          <cell r="B78" t="str">
            <v>NX51KVO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 t="str">
            <v>Barnet Owned</v>
          </cell>
          <cell r="H78" t="str">
            <v>N/A</v>
          </cell>
          <cell r="I78" t="str">
            <v>Mercedes 4.6 tonne Security Van</v>
          </cell>
          <cell r="J78">
            <v>6000</v>
          </cell>
          <cell r="L78" t="str">
            <v>Changed ownership to LBB 4 Oct~08</v>
          </cell>
        </row>
        <row r="79">
          <cell r="A79" t="str">
            <v>2S002</v>
          </cell>
          <cell r="B79" t="str">
            <v>NX51KVP</v>
          </cell>
          <cell r="C79" t="str">
            <v>Cashiers-Borough Treasurers</v>
          </cell>
          <cell r="D79">
            <v>37144</v>
          </cell>
          <cell r="E79" t="str">
            <v>Barnet Owned</v>
          </cell>
          <cell r="F79">
            <v>11013</v>
          </cell>
          <cell r="G79" t="str">
            <v>Barnet Owned</v>
          </cell>
          <cell r="H79" t="str">
            <v>N/A</v>
          </cell>
          <cell r="I79" t="str">
            <v>Mercedes 4.6 tonne Security Van</v>
          </cell>
          <cell r="J79">
            <v>6000</v>
          </cell>
          <cell r="L79" t="str">
            <v>Changed ownership to LBB 4 Oct~08</v>
          </cell>
        </row>
        <row r="80">
          <cell r="A80" t="str">
            <v>2S003</v>
          </cell>
          <cell r="B80" t="str">
            <v>NX51KVM</v>
          </cell>
          <cell r="C80" t="str">
            <v>Cashiers-Borough Treasurers</v>
          </cell>
          <cell r="D80">
            <v>37144</v>
          </cell>
          <cell r="E80" t="str">
            <v>Barnet Owned</v>
          </cell>
          <cell r="F80">
            <v>11013</v>
          </cell>
          <cell r="G80" t="str">
            <v>Barnet Owned</v>
          </cell>
          <cell r="H80" t="str">
            <v>N/A</v>
          </cell>
          <cell r="I80" t="str">
            <v>Mercedes 4.6 tonne Security Van</v>
          </cell>
          <cell r="J80">
            <v>6000</v>
          </cell>
          <cell r="L80" t="str">
            <v>Changed ownership to LBB 4 Oct~08</v>
          </cell>
        </row>
        <row r="81">
          <cell r="A81" t="str">
            <v>2T040</v>
          </cell>
          <cell r="B81" t="str">
            <v>LT55KHP</v>
          </cell>
          <cell r="C81" t="str">
            <v>Parks &amp; Open Spaces</v>
          </cell>
          <cell r="D81">
            <v>38737</v>
          </cell>
          <cell r="E81">
            <v>40144</v>
          </cell>
          <cell r="F81">
            <v>10764</v>
          </cell>
          <cell r="G81" t="str">
            <v>Lease</v>
          </cell>
          <cell r="H81" t="str">
            <v>SFS</v>
          </cell>
          <cell r="I81" t="str">
            <v xml:space="preserve">Ford Transit 350 Crewcab Tipper </v>
          </cell>
          <cell r="J81">
            <v>10500</v>
          </cell>
          <cell r="L81" t="str">
            <v xml:space="preserve">Extended to 31 Mar 09 - amend lease start date 20.01.06 </v>
          </cell>
        </row>
        <row r="82">
          <cell r="A82" t="str">
            <v>2T041</v>
          </cell>
          <cell r="B82" t="str">
            <v>LT55KHU</v>
          </cell>
          <cell r="C82" t="str">
            <v>Parks &amp; Open Spaces</v>
          </cell>
          <cell r="D82">
            <v>38737</v>
          </cell>
          <cell r="E82">
            <v>40144</v>
          </cell>
          <cell r="F82">
            <v>10764</v>
          </cell>
          <cell r="G82" t="str">
            <v>Lease</v>
          </cell>
          <cell r="H82" t="str">
            <v>SFS</v>
          </cell>
          <cell r="I82" t="str">
            <v xml:space="preserve">Ford Transit 350 Crewcab Tipper </v>
          </cell>
          <cell r="J82">
            <v>10500</v>
          </cell>
          <cell r="L82" t="str">
            <v xml:space="preserve">Extended to 31 Mar 09 - amend lease start date 20.01.06 </v>
          </cell>
        </row>
        <row r="83">
          <cell r="A83" t="str">
            <v>2T048</v>
          </cell>
          <cell r="B83" t="str">
            <v>KE06LFB</v>
          </cell>
          <cell r="C83" t="str">
            <v>Street Scene - Cleansing</v>
          </cell>
          <cell r="D83">
            <v>38901</v>
          </cell>
          <cell r="E83">
            <v>40721</v>
          </cell>
          <cell r="F83">
            <v>10652</v>
          </cell>
          <cell r="G83" t="str">
            <v>Lease</v>
          </cell>
          <cell r="H83" t="str">
            <v>SFS</v>
          </cell>
          <cell r="I83" t="str">
            <v>Izusu 3.5 tonne Caged Tipper</v>
          </cell>
          <cell r="J83">
            <v>12000</v>
          </cell>
        </row>
        <row r="84">
          <cell r="A84" t="str">
            <v>2T049</v>
          </cell>
          <cell r="B84" t="str">
            <v>KE06LFU</v>
          </cell>
          <cell r="C84" t="str">
            <v>Street Scene - Cleansing</v>
          </cell>
          <cell r="D84">
            <v>38901</v>
          </cell>
          <cell r="E84">
            <v>40721</v>
          </cell>
          <cell r="F84">
            <v>10652</v>
          </cell>
          <cell r="G84" t="str">
            <v>Lease</v>
          </cell>
          <cell r="H84" t="str">
            <v>SFS</v>
          </cell>
          <cell r="I84" t="str">
            <v>Izusu 3.5 tonne Caged Tipper</v>
          </cell>
          <cell r="J84">
            <v>12000</v>
          </cell>
        </row>
        <row r="85">
          <cell r="A85" t="str">
            <v>2T050</v>
          </cell>
          <cell r="B85" t="str">
            <v>LS06DZC</v>
          </cell>
          <cell r="C85" t="str">
            <v>Parks &amp; Open Spaces</v>
          </cell>
          <cell r="D85">
            <v>38929</v>
          </cell>
          <cell r="F85">
            <v>10764</v>
          </cell>
          <cell r="G85" t="str">
            <v>Lease</v>
          </cell>
          <cell r="H85" t="str">
            <v>SFS</v>
          </cell>
          <cell r="I85" t="str">
            <v xml:space="preserve">Ford Transit 350 Crewcab Tipper </v>
          </cell>
          <cell r="J85">
            <v>12000</v>
          </cell>
        </row>
        <row r="86">
          <cell r="A86" t="str">
            <v>2T051</v>
          </cell>
          <cell r="B86" t="str">
            <v>LT06BUF</v>
          </cell>
          <cell r="C86" t="str">
            <v>Parks &amp; Open Spaces</v>
          </cell>
          <cell r="D86">
            <v>38939</v>
          </cell>
          <cell r="F86">
            <v>10764</v>
          </cell>
          <cell r="G86" t="str">
            <v>Lease</v>
          </cell>
          <cell r="H86" t="str">
            <v>SFS</v>
          </cell>
          <cell r="I86" t="str">
            <v xml:space="preserve">Ford Transit 350 Crewcab Tipper </v>
          </cell>
          <cell r="J86">
            <v>12000</v>
          </cell>
        </row>
        <row r="87">
          <cell r="A87" t="str">
            <v>2T052</v>
          </cell>
          <cell r="B87" t="str">
            <v>LT06BOJ</v>
          </cell>
          <cell r="C87" t="str">
            <v>Parks &amp; Open Spaces</v>
          </cell>
          <cell r="D87">
            <v>38939</v>
          </cell>
          <cell r="F87">
            <v>10764</v>
          </cell>
          <cell r="G87" t="str">
            <v>Lease</v>
          </cell>
          <cell r="H87" t="str">
            <v>SFS</v>
          </cell>
          <cell r="I87" t="str">
            <v xml:space="preserve">Ford Transit 350 Crewcab Tipper </v>
          </cell>
          <cell r="J87">
            <v>12000</v>
          </cell>
        </row>
        <row r="88">
          <cell r="A88" t="str">
            <v>2T053</v>
          </cell>
          <cell r="B88" t="str">
            <v>MJ06DVN</v>
          </cell>
          <cell r="C88" t="str">
            <v>Parks &amp; Open Spaces</v>
          </cell>
          <cell r="D88">
            <v>38953</v>
          </cell>
          <cell r="F88">
            <v>10764</v>
          </cell>
          <cell r="G88" t="str">
            <v>Lease</v>
          </cell>
          <cell r="H88" t="str">
            <v>SFS</v>
          </cell>
          <cell r="I88" t="str">
            <v xml:space="preserve">Ford Transit 350 Crewcab Tipper/Crane </v>
          </cell>
          <cell r="J88">
            <v>12000</v>
          </cell>
        </row>
        <row r="89">
          <cell r="A89" t="str">
            <v>2T054</v>
          </cell>
          <cell r="B89" t="str">
            <v>LN56TZ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 t="str">
            <v>Lease</v>
          </cell>
          <cell r="H89" t="str">
            <v>SFS</v>
          </cell>
          <cell r="I89" t="str">
            <v>Ford Transit 350 Crewcab Tipper tow hitch</v>
          </cell>
          <cell r="J89">
            <v>12000</v>
          </cell>
        </row>
        <row r="90">
          <cell r="A90" t="str">
            <v>2T055</v>
          </cell>
          <cell r="B90" t="str">
            <v>LN56TZK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 t="str">
            <v>Lease</v>
          </cell>
          <cell r="H90" t="str">
            <v>SFS</v>
          </cell>
          <cell r="I90" t="str">
            <v>Ford Transit 350 Crewcab Tipper tow hitch</v>
          </cell>
          <cell r="J90">
            <v>12000</v>
          </cell>
        </row>
        <row r="91">
          <cell r="A91" t="str">
            <v>2T056</v>
          </cell>
          <cell r="B91" t="str">
            <v>LN56UBG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 t="str">
            <v>Lease</v>
          </cell>
          <cell r="H91" t="str">
            <v>SFS</v>
          </cell>
          <cell r="I91" t="str">
            <v>Ford Transit 350 Crewcab Tipper tow hitch</v>
          </cell>
          <cell r="J91">
            <v>12000</v>
          </cell>
        </row>
        <row r="92">
          <cell r="A92" t="str">
            <v>2T057</v>
          </cell>
          <cell r="B92" t="str">
            <v>LN56UBJ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 t="str">
            <v>Lease</v>
          </cell>
          <cell r="H92" t="str">
            <v>SFS</v>
          </cell>
          <cell r="I92" t="str">
            <v>Ford Transit 350 Crewcab Tipper tow hitch</v>
          </cell>
          <cell r="J92">
            <v>12000</v>
          </cell>
        </row>
        <row r="93">
          <cell r="A93" t="str">
            <v>2T058</v>
          </cell>
          <cell r="B93" t="str">
            <v>LN56UBL</v>
          </cell>
          <cell r="C93" t="str">
            <v>Parks &amp; Open Spaces</v>
          </cell>
          <cell r="D93">
            <v>39098</v>
          </cell>
          <cell r="E93">
            <v>40194</v>
          </cell>
          <cell r="F93">
            <v>10764</v>
          </cell>
          <cell r="G93" t="str">
            <v>Lease</v>
          </cell>
          <cell r="H93" t="str">
            <v>SFS</v>
          </cell>
          <cell r="I93" t="str">
            <v>Ford Transit 350 Crewcab Tipper tow hitch</v>
          </cell>
          <cell r="J93">
            <v>12000</v>
          </cell>
        </row>
        <row r="94">
          <cell r="A94" t="str">
            <v>2T059</v>
          </cell>
          <cell r="B94" t="str">
            <v>LN56UBO</v>
          </cell>
          <cell r="C94" t="str">
            <v>Parks &amp; Open Spaces</v>
          </cell>
          <cell r="D94">
            <v>39098</v>
          </cell>
          <cell r="E94">
            <v>40194</v>
          </cell>
          <cell r="F94">
            <v>10764</v>
          </cell>
          <cell r="G94" t="str">
            <v>Lease</v>
          </cell>
          <cell r="H94" t="str">
            <v>SFS</v>
          </cell>
          <cell r="I94" t="str">
            <v>Ford Transit 350 Crewcab Tipper tow hitch</v>
          </cell>
          <cell r="J94">
            <v>12000</v>
          </cell>
        </row>
        <row r="95">
          <cell r="A95" t="str">
            <v>2T060</v>
          </cell>
          <cell r="B95" t="str">
            <v>LS56FKR</v>
          </cell>
          <cell r="C95" t="str">
            <v>Street Scene - Cleansing</v>
          </cell>
          <cell r="D95">
            <v>39111</v>
          </cell>
          <cell r="E95">
            <v>40207</v>
          </cell>
          <cell r="F95">
            <v>10652</v>
          </cell>
          <cell r="G95" t="str">
            <v>Lease</v>
          </cell>
          <cell r="H95" t="str">
            <v>SFS</v>
          </cell>
          <cell r="I95" t="str">
            <v xml:space="preserve">Ford Transit 350 Crewcab caged Tipper </v>
          </cell>
          <cell r="J95">
            <v>13500</v>
          </cell>
        </row>
        <row r="96">
          <cell r="A96" t="str">
            <v>2T061</v>
          </cell>
          <cell r="B96" t="str">
            <v>LT07YSA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 t="str">
            <v>Lease</v>
          </cell>
          <cell r="H96" t="str">
            <v>SFS</v>
          </cell>
          <cell r="I96" t="str">
            <v xml:space="preserve">Ford Transit 350 Crewcab caged Tipper </v>
          </cell>
          <cell r="J96">
            <v>13500</v>
          </cell>
        </row>
        <row r="97">
          <cell r="A97" t="str">
            <v>2T062</v>
          </cell>
          <cell r="B97" t="str">
            <v>LT07YSB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 t="str">
            <v>Lease</v>
          </cell>
          <cell r="H97" t="str">
            <v>SFS</v>
          </cell>
          <cell r="I97" t="str">
            <v xml:space="preserve">Ford Transit 350 Crewcab caged Tipper </v>
          </cell>
          <cell r="J97">
            <v>13500</v>
          </cell>
        </row>
        <row r="98">
          <cell r="A98" t="str">
            <v>2T063</v>
          </cell>
          <cell r="B98" t="str">
            <v>LT07YRZ</v>
          </cell>
          <cell r="C98" t="str">
            <v>Street Scene - Cleansing</v>
          </cell>
          <cell r="D98">
            <v>39163</v>
          </cell>
          <cell r="E98">
            <v>40259</v>
          </cell>
          <cell r="F98">
            <v>10652</v>
          </cell>
          <cell r="G98" t="str">
            <v>Lease</v>
          </cell>
          <cell r="H98" t="str">
            <v>SFS</v>
          </cell>
          <cell r="I98" t="str">
            <v xml:space="preserve">Ford Transit 350 Crewcab caged Tipper </v>
          </cell>
          <cell r="J98">
            <v>13500</v>
          </cell>
        </row>
        <row r="99">
          <cell r="A99" t="str">
            <v>2T064</v>
          </cell>
          <cell r="B99" t="str">
            <v>LT07YRY</v>
          </cell>
          <cell r="C99" t="str">
            <v>Street Scene - Cleansing</v>
          </cell>
          <cell r="D99">
            <v>39162</v>
          </cell>
          <cell r="E99">
            <v>40258</v>
          </cell>
          <cell r="F99">
            <v>10652</v>
          </cell>
          <cell r="G99" t="str">
            <v>Lease</v>
          </cell>
          <cell r="H99" t="str">
            <v>SFS</v>
          </cell>
          <cell r="I99" t="str">
            <v xml:space="preserve">Ford Transit 350 Crewcab caged Tipper </v>
          </cell>
          <cell r="J99">
            <v>13500</v>
          </cell>
        </row>
        <row r="100">
          <cell r="A100" t="str">
            <v>2T065</v>
          </cell>
          <cell r="B100" t="str">
            <v>LN07UKU</v>
          </cell>
          <cell r="C100" t="str">
            <v>Street Scene - Cleansing</v>
          </cell>
          <cell r="D100">
            <v>39160</v>
          </cell>
          <cell r="E100">
            <v>40256</v>
          </cell>
          <cell r="F100">
            <v>10652</v>
          </cell>
          <cell r="G100" t="str">
            <v>Lease</v>
          </cell>
          <cell r="H100" t="str">
            <v>SFS</v>
          </cell>
          <cell r="I100" t="str">
            <v xml:space="preserve">Ford Transit 350 Crewcab caged Tipper </v>
          </cell>
          <cell r="J100">
            <v>13500</v>
          </cell>
        </row>
        <row r="101">
          <cell r="A101" t="str">
            <v>2T066</v>
          </cell>
          <cell r="B101" t="str">
            <v>LN07UKT</v>
          </cell>
          <cell r="C101" t="str">
            <v>Street Scene - Cleansing</v>
          </cell>
          <cell r="D101">
            <v>39160</v>
          </cell>
          <cell r="E101">
            <v>40256</v>
          </cell>
          <cell r="F101">
            <v>10652</v>
          </cell>
          <cell r="G101" t="str">
            <v>Lease</v>
          </cell>
          <cell r="H101" t="str">
            <v>SFS</v>
          </cell>
          <cell r="I101" t="str">
            <v xml:space="preserve">Ford Transit 350 Crewcab caged Tipper </v>
          </cell>
          <cell r="J101">
            <v>13500</v>
          </cell>
        </row>
        <row r="102">
          <cell r="A102" t="str">
            <v>2T067</v>
          </cell>
          <cell r="B102" t="str">
            <v>LN56UAC</v>
          </cell>
          <cell r="C102" t="str">
            <v>Street Scene - Cleansing</v>
          </cell>
          <cell r="D102">
            <v>39147</v>
          </cell>
          <cell r="E102">
            <v>40243</v>
          </cell>
          <cell r="F102">
            <v>10652</v>
          </cell>
          <cell r="G102" t="str">
            <v>Lease</v>
          </cell>
          <cell r="H102" t="str">
            <v>SFS</v>
          </cell>
          <cell r="I102" t="str">
            <v xml:space="preserve">Ford Transit 350 Crewcab caged Tipper </v>
          </cell>
          <cell r="J102">
            <v>1200</v>
          </cell>
        </row>
        <row r="103">
          <cell r="A103" t="str">
            <v>2T068</v>
          </cell>
          <cell r="B103" t="str">
            <v>LN07UKG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 t="str">
            <v>Lease</v>
          </cell>
          <cell r="H103" t="str">
            <v>SFS</v>
          </cell>
          <cell r="I103" t="str">
            <v xml:space="preserve">Ford Transit 350 Crewcab caged Tipper </v>
          </cell>
          <cell r="J103">
            <v>13500</v>
          </cell>
        </row>
        <row r="104">
          <cell r="A104" t="str">
            <v>2T069</v>
          </cell>
          <cell r="B104" t="str">
            <v>LN07UKV</v>
          </cell>
          <cell r="C104" t="str">
            <v>Street Scene - Cleansing</v>
          </cell>
          <cell r="D104">
            <v>39162</v>
          </cell>
          <cell r="E104">
            <v>40258</v>
          </cell>
          <cell r="F104">
            <v>10652</v>
          </cell>
          <cell r="G104" t="str">
            <v>Lease</v>
          </cell>
          <cell r="H104" t="str">
            <v>SFS</v>
          </cell>
          <cell r="I104" t="str">
            <v xml:space="preserve">Ford Transit 350 Crewcab caged Tipper </v>
          </cell>
          <cell r="J104">
            <v>13500</v>
          </cell>
        </row>
        <row r="105">
          <cell r="A105" t="str">
            <v>2T070</v>
          </cell>
          <cell r="B105" t="str">
            <v>LN07UKE</v>
          </cell>
          <cell r="C105" t="str">
            <v>Street Scene - Cleansing</v>
          </cell>
          <cell r="D105">
            <v>39153</v>
          </cell>
          <cell r="E105">
            <v>40249</v>
          </cell>
          <cell r="F105">
            <v>10652</v>
          </cell>
          <cell r="G105" t="str">
            <v>Lease</v>
          </cell>
          <cell r="H105" t="str">
            <v>SFS</v>
          </cell>
          <cell r="I105" t="str">
            <v xml:space="preserve">Ford Transit 350 Crewcab caged Tipper </v>
          </cell>
          <cell r="J105">
            <v>13500</v>
          </cell>
        </row>
        <row r="106">
          <cell r="A106" t="str">
            <v>2T071</v>
          </cell>
          <cell r="B106" t="str">
            <v>LT07YRX</v>
          </cell>
          <cell r="C106" t="str">
            <v>Street Scene - Cleansing</v>
          </cell>
          <cell r="D106">
            <v>39163</v>
          </cell>
          <cell r="E106">
            <v>40259</v>
          </cell>
          <cell r="F106">
            <v>10652</v>
          </cell>
          <cell r="G106" t="str">
            <v>Lease</v>
          </cell>
          <cell r="H106" t="str">
            <v>SFS</v>
          </cell>
          <cell r="I106" t="str">
            <v xml:space="preserve">Ford Transit 350 Crewcab caged Tipper </v>
          </cell>
          <cell r="J106">
            <v>13500</v>
          </cell>
        </row>
        <row r="107">
          <cell r="A107" t="str">
            <v>2T073</v>
          </cell>
          <cell r="B107" t="str">
            <v>KE57FYR</v>
          </cell>
          <cell r="C107" t="str">
            <v>Street Scene - Cleansing</v>
          </cell>
          <cell r="D107">
            <v>39408</v>
          </cell>
          <cell r="E107">
            <v>40504</v>
          </cell>
          <cell r="F107">
            <v>10652</v>
          </cell>
          <cell r="G107" t="str">
            <v>Lease</v>
          </cell>
          <cell r="H107" t="str">
            <v>SFS</v>
          </cell>
          <cell r="I107" t="str">
            <v>Izusu 3.5 tonne Caged Tipper</v>
          </cell>
          <cell r="J107">
            <v>9000</v>
          </cell>
        </row>
        <row r="108">
          <cell r="A108" t="str">
            <v>2Z267</v>
          </cell>
          <cell r="B108" t="str">
            <v>NG53YHH</v>
          </cell>
          <cell r="C108" t="str">
            <v>Street Scene - Cleansing</v>
          </cell>
          <cell r="F108">
            <v>10652</v>
          </cell>
          <cell r="G108" t="str">
            <v>Ad Hoc Hire</v>
          </cell>
          <cell r="H108" t="str">
            <v>GPL</v>
          </cell>
          <cell r="I108" t="str">
            <v>Ford Transit High Roof Graffiti</v>
          </cell>
          <cell r="L108" t="str">
            <v>Extend to July (Jim to confirm)</v>
          </cell>
        </row>
        <row r="109">
          <cell r="A109" t="str">
            <v>2Z353</v>
          </cell>
          <cell r="B109" t="str">
            <v>NG06ZDX</v>
          </cell>
          <cell r="C109" t="str">
            <v>Street Scene - Cleansing</v>
          </cell>
          <cell r="F109">
            <v>10652</v>
          </cell>
          <cell r="G109" t="str">
            <v>Regular Hire</v>
          </cell>
          <cell r="H109" t="str">
            <v>Target</v>
          </cell>
          <cell r="I109" t="str">
            <v>3.5 CAGED Tippers</v>
          </cell>
        </row>
        <row r="110">
          <cell r="A110" t="str">
            <v>2Z355</v>
          </cell>
          <cell r="B110" t="str">
            <v>NA56OTG</v>
          </cell>
          <cell r="C110" t="str">
            <v>Street Scene - Cleansing</v>
          </cell>
          <cell r="F110">
            <v>10652</v>
          </cell>
          <cell r="G110" t="str">
            <v>Regular Hire</v>
          </cell>
          <cell r="H110" t="str">
            <v>Target</v>
          </cell>
          <cell r="I110" t="str">
            <v>3.5 CAGED Tippers</v>
          </cell>
        </row>
        <row r="111">
          <cell r="A111" t="str">
            <v>2Z356</v>
          </cell>
          <cell r="B111" t="str">
            <v>ND56RRZ</v>
          </cell>
          <cell r="C111" t="str">
            <v>Street Scene - Cleansing</v>
          </cell>
          <cell r="F111">
            <v>10652</v>
          </cell>
          <cell r="G111" t="str">
            <v>Regular Hire</v>
          </cell>
          <cell r="H111" t="str">
            <v>Target</v>
          </cell>
          <cell r="I111" t="str">
            <v>3.5 CAGED Tippers</v>
          </cell>
        </row>
        <row r="112">
          <cell r="A112" t="str">
            <v>2Z360</v>
          </cell>
          <cell r="B112" t="str">
            <v>NJ07KXS</v>
          </cell>
          <cell r="C112" t="str">
            <v>Highway Maintenance (10939)</v>
          </cell>
          <cell r="F112">
            <v>10939</v>
          </cell>
          <cell r="G112" t="str">
            <v>Regular Hire</v>
          </cell>
          <cell r="H112" t="str">
            <v>Target</v>
          </cell>
          <cell r="I112" t="str">
            <v>Ford Transit SWB Van</v>
          </cell>
        </row>
        <row r="113">
          <cell r="A113" t="str">
            <v>2Z361</v>
          </cell>
          <cell r="B113" t="str">
            <v>ND07GSO</v>
          </cell>
          <cell r="C113" t="str">
            <v>Highway Maintenance (10664)</v>
          </cell>
          <cell r="F113">
            <v>10664</v>
          </cell>
          <cell r="G113" t="str">
            <v>Regular Hire</v>
          </cell>
          <cell r="H113" t="str">
            <v>Target</v>
          </cell>
          <cell r="I113" t="str">
            <v>Ford Connect SWB</v>
          </cell>
        </row>
        <row r="114">
          <cell r="A114" t="str">
            <v>2Z362</v>
          </cell>
          <cell r="B114" t="str">
            <v>NH07YNS</v>
          </cell>
          <cell r="C114" t="str">
            <v>Highway Maintenance (10941)</v>
          </cell>
          <cell r="F114">
            <v>10941</v>
          </cell>
          <cell r="G114" t="str">
            <v>Regular Hire</v>
          </cell>
          <cell r="H114" t="str">
            <v>Target</v>
          </cell>
          <cell r="I114" t="str">
            <v>3.5 C/Cab Transit Tipper</v>
          </cell>
        </row>
        <row r="115">
          <cell r="A115" t="str">
            <v>2Z365</v>
          </cell>
          <cell r="B115" t="str">
            <v>NG06EZR</v>
          </cell>
          <cell r="C115" t="str">
            <v>Street Scene - Cleansing</v>
          </cell>
          <cell r="D115" t="str">
            <v>N/A</v>
          </cell>
          <cell r="F115">
            <v>10652</v>
          </cell>
          <cell r="G115" t="str">
            <v>Ad Hoc Hire</v>
          </cell>
          <cell r="H115" t="str">
            <v>Target</v>
          </cell>
          <cell r="I115" t="str">
            <v>3.5 CAGED Tippers</v>
          </cell>
          <cell r="L115" t="str">
            <v>high cage</v>
          </cell>
        </row>
        <row r="116">
          <cell r="A116" t="str">
            <v>2Z367</v>
          </cell>
          <cell r="B116" t="str">
            <v>BL56WWO</v>
          </cell>
          <cell r="C116" t="str">
            <v>Libraries</v>
          </cell>
          <cell r="F116">
            <v>10339</v>
          </cell>
          <cell r="G116" t="str">
            <v>Regular Hire</v>
          </cell>
          <cell r="H116" t="str">
            <v>GPL</v>
          </cell>
          <cell r="I116" t="str">
            <v>Ford Transit 260 Van</v>
          </cell>
        </row>
        <row r="117">
          <cell r="A117" t="str">
            <v>2Z368</v>
          </cell>
          <cell r="B117" t="str">
            <v>NJ58VSX</v>
          </cell>
          <cell r="C117" t="str">
            <v>Street Scene - Cleansing</v>
          </cell>
          <cell r="F117">
            <v>10652</v>
          </cell>
          <cell r="G117" t="str">
            <v>Regular Hire</v>
          </cell>
          <cell r="H117" t="str">
            <v>GPL</v>
          </cell>
          <cell r="I117" t="str">
            <v>Ford Transit 280 Van (towbar &amp; tacho)</v>
          </cell>
        </row>
        <row r="118">
          <cell r="A118" t="str">
            <v>2Z369</v>
          </cell>
          <cell r="B118" t="str">
            <v>NJ58VZL</v>
          </cell>
          <cell r="C118" t="str">
            <v>Street Scene - Refuse</v>
          </cell>
          <cell r="F118">
            <v>10655</v>
          </cell>
          <cell r="G118" t="str">
            <v>Regular Hire</v>
          </cell>
          <cell r="H118" t="str">
            <v>GPL</v>
          </cell>
          <cell r="I118" t="str">
            <v>Mercedes Sprinter 413 (mwb HR &amp; towbar)</v>
          </cell>
        </row>
        <row r="119">
          <cell r="A119" t="str">
            <v>2Z371</v>
          </cell>
          <cell r="B119" t="str">
            <v>BJ08YJA</v>
          </cell>
          <cell r="C119" t="str">
            <v>Parks &amp; Open Spaces</v>
          </cell>
          <cell r="F119">
            <v>10764</v>
          </cell>
          <cell r="G119" t="str">
            <v>Regular Hire</v>
          </cell>
          <cell r="H119" t="str">
            <v>GPL</v>
          </cell>
          <cell r="I119" t="str">
            <v>Ford Transit 350 Crew Cab  Tipper</v>
          </cell>
        </row>
        <row r="120">
          <cell r="A120" t="str">
            <v>2Z380</v>
          </cell>
          <cell r="B120" t="str">
            <v>NL56OZN</v>
          </cell>
          <cell r="C120" t="str">
            <v>Street Scene - Cleansing</v>
          </cell>
          <cell r="D120">
            <v>39912</v>
          </cell>
          <cell r="F120">
            <v>10652</v>
          </cell>
          <cell r="G120" t="str">
            <v>Ad Hoc Hire</v>
          </cell>
          <cell r="H120" t="str">
            <v>Target</v>
          </cell>
          <cell r="I120" t="str">
            <v>Transit 3.5 Caged Tipper</v>
          </cell>
          <cell r="L120" t="str">
            <v>Change of Department on 09/04/09</v>
          </cell>
        </row>
        <row r="121">
          <cell r="A121" t="str">
            <v>2Z400</v>
          </cell>
          <cell r="B121" t="str">
            <v>NC57LSF</v>
          </cell>
          <cell r="C121" t="str">
            <v>Barnet Homes - Caretakers</v>
          </cell>
          <cell r="D121">
            <v>39891</v>
          </cell>
          <cell r="F121" t="str">
            <v>External</v>
          </cell>
          <cell r="G121" t="str">
            <v>Regular Hire</v>
          </cell>
          <cell r="H121" t="str">
            <v>Target</v>
          </cell>
          <cell r="I121" t="str">
            <v>Transit 260 Panel van</v>
          </cell>
          <cell r="L121" t="str">
            <v>standard vehicle priced</v>
          </cell>
        </row>
        <row r="122">
          <cell r="A122" t="str">
            <v>2Z401</v>
          </cell>
          <cell r="B122" t="str">
            <v>NH07VCZ</v>
          </cell>
          <cell r="C122" t="str">
            <v>Street Scene - Cleansing</v>
          </cell>
          <cell r="D122">
            <v>39934</v>
          </cell>
          <cell r="F122">
            <v>10652</v>
          </cell>
          <cell r="G122" t="str">
            <v>Regular Hire</v>
          </cell>
          <cell r="H122" t="str">
            <v>GPL</v>
          </cell>
          <cell r="I122" t="str">
            <v>3.5 CAGED Tippers</v>
          </cell>
        </row>
        <row r="123">
          <cell r="A123" t="str">
            <v>2Z402</v>
          </cell>
          <cell r="B123" t="str">
            <v>KM09LZF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 t="str">
            <v>Regular Hire</v>
          </cell>
          <cell r="H123" t="str">
            <v>GPL</v>
          </cell>
          <cell r="I123" t="str">
            <v>Mercedes Sprinter Crew Cab Tippers with Toe bar</v>
          </cell>
          <cell r="L123" t="str">
            <v>Replacing 2T045 End of Lease</v>
          </cell>
        </row>
        <row r="124">
          <cell r="A124" t="str">
            <v>2Z403</v>
          </cell>
          <cell r="B124" t="str">
            <v>KM09LYP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 t="str">
            <v>Regular Hire</v>
          </cell>
          <cell r="H124" t="str">
            <v>GPL</v>
          </cell>
          <cell r="I124" t="str">
            <v>Mercedes Sprinter Crew Cab Tippers with Toe bar</v>
          </cell>
          <cell r="L124" t="str">
            <v>Replacing 2T043 End of Lease</v>
          </cell>
        </row>
        <row r="125">
          <cell r="A125" t="str">
            <v>2Z404</v>
          </cell>
          <cell r="B125" t="str">
            <v>KM09MKU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 t="str">
            <v>Regular Hire</v>
          </cell>
          <cell r="H125" t="str">
            <v>GPL</v>
          </cell>
          <cell r="I125" t="str">
            <v>Mercedes Sprinter Crew Cab Tippers with Toe bar</v>
          </cell>
          <cell r="L125" t="str">
            <v>Replacing 2T046 End of Lease</v>
          </cell>
        </row>
        <row r="126">
          <cell r="A126" t="str">
            <v>2Z405</v>
          </cell>
          <cell r="B126" t="str">
            <v>KM09MFZ</v>
          </cell>
          <cell r="C126" t="str">
            <v>Parks &amp; Open Spaces</v>
          </cell>
          <cell r="D126">
            <v>39987</v>
          </cell>
          <cell r="F126">
            <v>10764</v>
          </cell>
          <cell r="G126" t="str">
            <v>Regular Hire</v>
          </cell>
          <cell r="H126" t="str">
            <v>GPL</v>
          </cell>
          <cell r="I126" t="str">
            <v>Mercedes Sprinter Crew Cab Tippers with Toe bar</v>
          </cell>
          <cell r="L126" t="str">
            <v>Replacing 2T044 End of Lease</v>
          </cell>
        </row>
        <row r="127">
          <cell r="A127" t="str">
            <v>2Z406</v>
          </cell>
          <cell r="B127" t="str">
            <v>KM09MGX</v>
          </cell>
          <cell r="C127" t="str">
            <v>Parks &amp; Open Spaces</v>
          </cell>
          <cell r="D127">
            <v>39987</v>
          </cell>
          <cell r="F127">
            <v>10764</v>
          </cell>
          <cell r="G127" t="str">
            <v>Regular Hire</v>
          </cell>
          <cell r="H127" t="str">
            <v>GPL</v>
          </cell>
          <cell r="I127" t="str">
            <v>Mercedes Sprinter Crew Cab Tippers with Toe bar</v>
          </cell>
          <cell r="L127" t="str">
            <v>Replacing 2T042  End of Lease</v>
          </cell>
        </row>
        <row r="128">
          <cell r="A128" t="str">
            <v>2Z407</v>
          </cell>
          <cell r="B128" t="str">
            <v>NG06MFN</v>
          </cell>
          <cell r="C128" t="str">
            <v>Street Scene - Cleansing</v>
          </cell>
          <cell r="D128">
            <v>40034</v>
          </cell>
          <cell r="F128">
            <v>10652</v>
          </cell>
          <cell r="G128" t="str">
            <v>Regular Hire</v>
          </cell>
          <cell r="H128" t="str">
            <v>GPL</v>
          </cell>
          <cell r="I128" t="str">
            <v>Transit Go Gum</v>
          </cell>
          <cell r="L128" t="str">
            <v>Replacing 2Z351 GU53PGZ</v>
          </cell>
        </row>
        <row r="129">
          <cell r="A129" t="str">
            <v>2Z408</v>
          </cell>
          <cell r="B129" t="str">
            <v>NG56NVM</v>
          </cell>
          <cell r="C129" t="str">
            <v>Barnet Homes - Caretakers</v>
          </cell>
          <cell r="D129">
            <v>40042</v>
          </cell>
          <cell r="F129" t="str">
            <v>External</v>
          </cell>
          <cell r="G129" t="str">
            <v>Regular Hire</v>
          </cell>
          <cell r="H129" t="str">
            <v>Target</v>
          </cell>
          <cell r="I129" t="str">
            <v>Ford transit Single cab tipper</v>
          </cell>
        </row>
        <row r="130">
          <cell r="A130" t="str">
            <v>2Z409</v>
          </cell>
          <cell r="B130" t="str">
            <v>PK07NOU</v>
          </cell>
          <cell r="C130" t="str">
            <v>Catering</v>
          </cell>
          <cell r="D130">
            <v>40066</v>
          </cell>
          <cell r="F130">
            <v>10675</v>
          </cell>
          <cell r="G130" t="str">
            <v>Regular Hire</v>
          </cell>
          <cell r="H130" t="str">
            <v>Target</v>
          </cell>
          <cell r="I130" t="str">
            <v>VW Transporter</v>
          </cell>
          <cell r="L130" t="str">
            <v>Replacing 1Z204 (Breakdown)</v>
          </cell>
        </row>
        <row r="131">
          <cell r="A131" t="str">
            <v>2Z410</v>
          </cell>
          <cell r="B131" t="str">
            <v>YX05WJJ</v>
          </cell>
          <cell r="C131" t="str">
            <v>Street Scene - Cleansing</v>
          </cell>
          <cell r="D131">
            <v>40088</v>
          </cell>
          <cell r="F131">
            <v>10652</v>
          </cell>
          <cell r="G131" t="str">
            <v>Ad Hoc Hire</v>
          </cell>
          <cell r="H131" t="str">
            <v>GPL</v>
          </cell>
          <cell r="I131" t="str">
            <v>3.5 C/C Tipper</v>
          </cell>
          <cell r="L131" t="str">
            <v>Covering 2T065 for Damage Repairs</v>
          </cell>
        </row>
        <row r="132">
          <cell r="A132" t="str">
            <v>2Z412</v>
          </cell>
          <cell r="B132" t="str">
            <v>NH07VFW</v>
          </cell>
          <cell r="C132" t="str">
            <v>Parks &amp; Open Spaces</v>
          </cell>
          <cell r="D132">
            <v>40091</v>
          </cell>
          <cell r="F132">
            <v>10764</v>
          </cell>
          <cell r="G132" t="str">
            <v>Ad Hoc Hire</v>
          </cell>
          <cell r="H132" t="str">
            <v>GPL</v>
          </cell>
          <cell r="I132" t="str">
            <v>Ford Transit 350 Crew Cab  Tipper</v>
          </cell>
          <cell r="L132" t="str">
            <v>Covering 2Z406 Accident Damage</v>
          </cell>
        </row>
        <row r="133">
          <cell r="A133" t="str">
            <v>2Z413</v>
          </cell>
          <cell r="B133" t="str">
            <v>AY53WHU</v>
          </cell>
          <cell r="C133" t="str">
            <v>Street Scene - Cleansing</v>
          </cell>
          <cell r="D133">
            <v>40102</v>
          </cell>
          <cell r="F133">
            <v>10652</v>
          </cell>
          <cell r="G133" t="str">
            <v>Ad Hoc Hire</v>
          </cell>
          <cell r="H133" t="str">
            <v>GPL</v>
          </cell>
          <cell r="I133" t="str">
            <v>Ford transit Single cab cage tipper</v>
          </cell>
          <cell r="L133" t="str">
            <v>Leafing Oct 09 to Dec 09</v>
          </cell>
        </row>
        <row r="134">
          <cell r="A134" t="str">
            <v>2Z414</v>
          </cell>
          <cell r="B134" t="str">
            <v>PN55DXS</v>
          </cell>
          <cell r="C134" t="str">
            <v>Street Scene - Cleansing</v>
          </cell>
          <cell r="D134">
            <v>40102</v>
          </cell>
          <cell r="F134">
            <v>10652</v>
          </cell>
          <cell r="G134" t="str">
            <v>Ad Hoc Hire</v>
          </cell>
          <cell r="H134" t="str">
            <v>GPL</v>
          </cell>
          <cell r="I134" t="str">
            <v>Ford transit Single cab cage tipper</v>
          </cell>
          <cell r="L134" t="str">
            <v>Leafing Oct 09 to Dec 09</v>
          </cell>
        </row>
        <row r="135">
          <cell r="A135" t="str">
            <v>2Z415</v>
          </cell>
          <cell r="B135" t="str">
            <v>YY03PYA</v>
          </cell>
          <cell r="C135" t="str">
            <v>Street Scene - Cleansing</v>
          </cell>
          <cell r="F135">
            <v>10652</v>
          </cell>
          <cell r="G135" t="str">
            <v>Ad Hoc Hire</v>
          </cell>
          <cell r="H135" t="str">
            <v>GPL</v>
          </cell>
          <cell r="I135" t="str">
            <v>Ford transit Single cab cage tipper</v>
          </cell>
          <cell r="L135" t="str">
            <v>Leafing Oct 09 to Dec 09</v>
          </cell>
        </row>
        <row r="136">
          <cell r="A136" t="str">
            <v>2Z416</v>
          </cell>
          <cell r="B136" t="str">
            <v>NA07AWJ</v>
          </cell>
          <cell r="C136" t="str">
            <v>Barnet Homes - Caretakers</v>
          </cell>
          <cell r="D136">
            <v>40129</v>
          </cell>
          <cell r="E136">
            <v>40157</v>
          </cell>
          <cell r="F136" t="str">
            <v>External</v>
          </cell>
          <cell r="G136" t="str">
            <v>Ad Hoc Hire</v>
          </cell>
          <cell r="H136" t="str">
            <v>GPL</v>
          </cell>
          <cell r="I136" t="str">
            <v>Ford transit Single cab cage tipper</v>
          </cell>
        </row>
        <row r="137">
          <cell r="A137" t="str">
            <v>2Z417</v>
          </cell>
          <cell r="B137" t="str">
            <v>EK56LZN</v>
          </cell>
          <cell r="C137" t="str">
            <v>Street Scene - Cleansing</v>
          </cell>
          <cell r="D137">
            <v>40133</v>
          </cell>
          <cell r="E137">
            <v>40142</v>
          </cell>
          <cell r="F137">
            <v>10652</v>
          </cell>
          <cell r="G137" t="str">
            <v>Ad Hoc Hire</v>
          </cell>
          <cell r="H137" t="str">
            <v>GPL</v>
          </cell>
          <cell r="I137" t="str">
            <v>Ford transit Single cab cage tipper</v>
          </cell>
          <cell r="L137" t="str">
            <v>Covering 2Z415 for Accident Damage</v>
          </cell>
        </row>
        <row r="138">
          <cell r="A138" t="str">
            <v>2Z418</v>
          </cell>
          <cell r="B138" t="str">
            <v>LR09UKJ</v>
          </cell>
          <cell r="C138" t="str">
            <v>Libraries</v>
          </cell>
          <cell r="D138">
            <v>40135</v>
          </cell>
          <cell r="E138">
            <v>40143</v>
          </cell>
          <cell r="F138">
            <v>10347</v>
          </cell>
          <cell r="G138" t="str">
            <v>Ad Hoc Hire</v>
          </cell>
          <cell r="H138" t="str">
            <v>GPL</v>
          </cell>
        </row>
        <row r="139">
          <cell r="A139" t="str">
            <v>2Z419</v>
          </cell>
          <cell r="B139" t="str">
            <v>EK56LZN</v>
          </cell>
          <cell r="C139" t="str">
            <v>Parks &amp; Open Spaces</v>
          </cell>
          <cell r="D139">
            <v>40143</v>
          </cell>
          <cell r="F139">
            <v>10764</v>
          </cell>
          <cell r="G139" t="str">
            <v>Ad Hoc Hire</v>
          </cell>
          <cell r="H139" t="str">
            <v>GPL</v>
          </cell>
          <cell r="I139" t="str">
            <v>Ford transit Single cab cage tipper</v>
          </cell>
        </row>
        <row r="140">
          <cell r="A140" t="str">
            <v>2Z420</v>
          </cell>
          <cell r="B140" t="str">
            <v>ND56RYH</v>
          </cell>
          <cell r="C140" t="str">
            <v>Parks &amp; Open Spaces</v>
          </cell>
          <cell r="D140">
            <v>40144</v>
          </cell>
          <cell r="F140">
            <v>10764</v>
          </cell>
          <cell r="G140" t="str">
            <v>Regular Hire</v>
          </cell>
          <cell r="H140" t="str">
            <v>GPL</v>
          </cell>
          <cell r="I140" t="str">
            <v>Ford transit Single cab cage tipper</v>
          </cell>
          <cell r="L140" t="str">
            <v>Replacing 2T040</v>
          </cell>
        </row>
        <row r="141">
          <cell r="A141" t="str">
            <v>2Z421</v>
          </cell>
          <cell r="B141" t="str">
            <v>ND56RZO</v>
          </cell>
          <cell r="C141" t="str">
            <v>Parks &amp; Open Spaces</v>
          </cell>
          <cell r="D141">
            <v>40144</v>
          </cell>
          <cell r="F141">
            <v>10764</v>
          </cell>
          <cell r="G141" t="str">
            <v>Regular Hire</v>
          </cell>
          <cell r="H141" t="str">
            <v>GPL</v>
          </cell>
          <cell r="I141" t="str">
            <v>Ford transit Single cab cage tipper</v>
          </cell>
          <cell r="L141" t="str">
            <v>Replacing 2T041</v>
          </cell>
        </row>
        <row r="142">
          <cell r="A142" t="str">
            <v>2Z422</v>
          </cell>
          <cell r="B142" t="str">
            <v>NA07AWJ</v>
          </cell>
          <cell r="C142" t="str">
            <v>Street Scene - Cleansing</v>
          </cell>
          <cell r="D142">
            <v>40158</v>
          </cell>
          <cell r="F142">
            <v>10652</v>
          </cell>
          <cell r="G142" t="str">
            <v>Ad Hoc Hire</v>
          </cell>
          <cell r="H142" t="str">
            <v>GPL</v>
          </cell>
          <cell r="I142" t="str">
            <v>Ford transit Single cab cage tipper</v>
          </cell>
          <cell r="L142" t="str">
            <v>Replacing 2T062</v>
          </cell>
        </row>
        <row r="143">
          <cell r="A143" t="str">
            <v>2Z423</v>
          </cell>
          <cell r="B143" t="str">
            <v>RX06NRE</v>
          </cell>
          <cell r="C143" t="str">
            <v>SNOW</v>
          </cell>
          <cell r="D143">
            <v>40186</v>
          </cell>
          <cell r="G143" t="str">
            <v>Ad Hoc Hire</v>
          </cell>
          <cell r="H143" t="str">
            <v>GPL</v>
          </cell>
          <cell r="I143" t="str">
            <v>Crewcab Tipper</v>
          </cell>
        </row>
        <row r="144">
          <cell r="A144" t="str">
            <v>2Z424</v>
          </cell>
          <cell r="B144" t="str">
            <v>RX05VYF</v>
          </cell>
          <cell r="C144" t="str">
            <v>SNOW</v>
          </cell>
          <cell r="D144">
            <v>40186</v>
          </cell>
          <cell r="G144" t="str">
            <v>Ad Hoc Hire</v>
          </cell>
          <cell r="H144" t="str">
            <v>GPL</v>
          </cell>
          <cell r="I144" t="str">
            <v>Crewcab Tipper</v>
          </cell>
        </row>
        <row r="145">
          <cell r="A145" t="str">
            <v>2Z425</v>
          </cell>
          <cell r="B145" t="str">
            <v>RX58ESO</v>
          </cell>
          <cell r="C145" t="str">
            <v>SNOW</v>
          </cell>
          <cell r="D145">
            <v>40186</v>
          </cell>
          <cell r="G145" t="str">
            <v>Ad Hoc Hire</v>
          </cell>
          <cell r="H145" t="str">
            <v>GPL</v>
          </cell>
          <cell r="I145" t="str">
            <v>Crewcab Tipper</v>
          </cell>
        </row>
        <row r="146">
          <cell r="A146" t="str">
            <v>2Z426</v>
          </cell>
          <cell r="B146" t="str">
            <v>RX06NRF</v>
          </cell>
          <cell r="C146" t="str">
            <v>SNOW</v>
          </cell>
          <cell r="D146">
            <v>40186</v>
          </cell>
          <cell r="G146" t="str">
            <v>Ad Hoc Hire</v>
          </cell>
          <cell r="H146" t="str">
            <v>GPL</v>
          </cell>
          <cell r="I146" t="str">
            <v>Crewcab Tipper</v>
          </cell>
        </row>
        <row r="147">
          <cell r="A147" t="str">
            <v>2Z427</v>
          </cell>
          <cell r="B147" t="str">
            <v>RX05VYA</v>
          </cell>
          <cell r="C147" t="str">
            <v>SNOW</v>
          </cell>
          <cell r="D147">
            <v>40186</v>
          </cell>
          <cell r="G147" t="str">
            <v>Ad Hoc Hire</v>
          </cell>
          <cell r="H147" t="str">
            <v>GPL</v>
          </cell>
          <cell r="I147" t="str">
            <v>Crewcab Tipper</v>
          </cell>
        </row>
        <row r="148">
          <cell r="A148" t="str">
            <v>2Z428</v>
          </cell>
          <cell r="B148" t="str">
            <v>LR59CYT</v>
          </cell>
          <cell r="C148" t="str">
            <v>SNOW</v>
          </cell>
          <cell r="D148">
            <v>40186</v>
          </cell>
          <cell r="G148" t="str">
            <v>Ad Hoc Hire</v>
          </cell>
          <cell r="H148" t="str">
            <v>Thrifty</v>
          </cell>
          <cell r="I148" t="str">
            <v>Crewcab Tipper</v>
          </cell>
        </row>
        <row r="149">
          <cell r="A149" t="str">
            <v>2Z429</v>
          </cell>
          <cell r="B149" t="str">
            <v>NK52VMY</v>
          </cell>
          <cell r="C149" t="str">
            <v>SNOW</v>
          </cell>
          <cell r="D149">
            <v>40186</v>
          </cell>
          <cell r="G149" t="str">
            <v>Ad Hoc Hire</v>
          </cell>
          <cell r="H149" t="str">
            <v>Wheels</v>
          </cell>
          <cell r="I149" t="str">
            <v>Crewcab Tipper</v>
          </cell>
        </row>
        <row r="150">
          <cell r="A150" t="str">
            <v>2Z430</v>
          </cell>
          <cell r="B150" t="str">
            <v>HG54VUK</v>
          </cell>
          <cell r="C150" t="str">
            <v>SNOW</v>
          </cell>
          <cell r="D150">
            <v>40186</v>
          </cell>
          <cell r="G150" t="str">
            <v>Ad Hoc Hire</v>
          </cell>
          <cell r="H150" t="str">
            <v>Wheels</v>
          </cell>
          <cell r="I150" t="str">
            <v>Crewcab Tipper</v>
          </cell>
        </row>
        <row r="151">
          <cell r="A151" t="str">
            <v>3A005</v>
          </cell>
          <cell r="B151" t="str">
            <v>Y297VKX</v>
          </cell>
          <cell r="C151" t="str">
            <v>Passenger Fleet</v>
          </cell>
          <cell r="D151">
            <v>37502</v>
          </cell>
          <cell r="E151" t="str">
            <v>Barnet Owned</v>
          </cell>
          <cell r="F151">
            <v>10776</v>
          </cell>
          <cell r="G151" t="str">
            <v>Barnet Owned</v>
          </cell>
          <cell r="H151" t="str">
            <v>N/A</v>
          </cell>
          <cell r="I151" t="str">
            <v xml:space="preserve">Ford Transit W/C Accessable bus 16 seats </v>
          </cell>
          <cell r="J151">
            <v>7000</v>
          </cell>
        </row>
        <row r="152">
          <cell r="A152" t="str">
            <v>3A007</v>
          </cell>
          <cell r="B152" t="str">
            <v>KE51OYC</v>
          </cell>
          <cell r="C152" t="str">
            <v>Passenger Fleet</v>
          </cell>
          <cell r="D152">
            <v>37165</v>
          </cell>
          <cell r="E152" t="str">
            <v>Barnet Owned</v>
          </cell>
          <cell r="F152">
            <v>10776</v>
          </cell>
          <cell r="G152" t="str">
            <v>Barnet Owned</v>
          </cell>
          <cell r="H152" t="str">
            <v>N/A</v>
          </cell>
          <cell r="I152" t="str">
            <v xml:space="preserve">Ford Transit W/C Accessable bus 16 seats </v>
          </cell>
          <cell r="J152">
            <v>8000</v>
          </cell>
        </row>
        <row r="153">
          <cell r="A153" t="str">
            <v>3A008</v>
          </cell>
          <cell r="B153" t="str">
            <v>KE51OYF</v>
          </cell>
          <cell r="C153" t="str">
            <v>Passenger Fleet</v>
          </cell>
          <cell r="D153">
            <v>37165</v>
          </cell>
          <cell r="E153" t="str">
            <v>Barnet Owned</v>
          </cell>
          <cell r="F153">
            <v>10776</v>
          </cell>
          <cell r="G153" t="str">
            <v>Barnet Owned</v>
          </cell>
          <cell r="H153" t="str">
            <v>N/A</v>
          </cell>
          <cell r="I153" t="str">
            <v xml:space="preserve">Ford Transit W/C Accessable bus 16 seats </v>
          </cell>
          <cell r="J153">
            <v>8000</v>
          </cell>
        </row>
        <row r="154">
          <cell r="A154" t="str">
            <v>3A011</v>
          </cell>
          <cell r="B154" t="str">
            <v>KJ51DVH</v>
          </cell>
          <cell r="C154" t="str">
            <v>Passenger Fleet</v>
          </cell>
          <cell r="D154">
            <v>37209</v>
          </cell>
          <cell r="F154">
            <v>10776</v>
          </cell>
          <cell r="G154" t="str">
            <v>Lease</v>
          </cell>
          <cell r="H154" t="str">
            <v>SFS</v>
          </cell>
          <cell r="I154" t="str">
            <v xml:space="preserve">Ford Transit W/C Accessable bus 16 seats </v>
          </cell>
          <cell r="J154">
            <v>8000</v>
          </cell>
          <cell r="L154" t="str">
            <v>Extended to 31 Mar 09 - Extended to 31 Aug 09</v>
          </cell>
        </row>
        <row r="155">
          <cell r="A155" t="str">
            <v>3A012</v>
          </cell>
          <cell r="B155" t="str">
            <v>KJ51DVK</v>
          </cell>
          <cell r="C155" t="str">
            <v>Passenger Fleet</v>
          </cell>
          <cell r="D155">
            <v>37209</v>
          </cell>
          <cell r="F155">
            <v>10776</v>
          </cell>
          <cell r="G155" t="str">
            <v>Lease</v>
          </cell>
          <cell r="H155" t="str">
            <v>SFS</v>
          </cell>
          <cell r="I155" t="str">
            <v xml:space="preserve">Ford Transit W/C Accessable bus 16 seats </v>
          </cell>
          <cell r="J155">
            <v>8000</v>
          </cell>
          <cell r="L155" t="str">
            <v>Extended to 31 Mar 09 - Extended to 31 Aug 09</v>
          </cell>
        </row>
        <row r="156">
          <cell r="A156" t="str">
            <v>3A013</v>
          </cell>
          <cell r="B156" t="str">
            <v>KC51LRN</v>
          </cell>
          <cell r="C156" t="str">
            <v>Passenger Fleet</v>
          </cell>
          <cell r="D156">
            <v>37288</v>
          </cell>
          <cell r="F156">
            <v>10776</v>
          </cell>
          <cell r="G156" t="str">
            <v>Lease</v>
          </cell>
          <cell r="H156" t="str">
            <v>SFS</v>
          </cell>
          <cell r="I156" t="str">
            <v xml:space="preserve">Ford Transit W/C Accessable bus 16 seats </v>
          </cell>
          <cell r="J156">
            <v>8000</v>
          </cell>
          <cell r="L156" t="str">
            <v>Extended to 31 Mar 09 - Extended to 31 Aug 09</v>
          </cell>
        </row>
        <row r="157">
          <cell r="A157" t="str">
            <v>3A014</v>
          </cell>
          <cell r="B157" t="str">
            <v>KC51LRO</v>
          </cell>
          <cell r="C157" t="str">
            <v>Passenger Fleet</v>
          </cell>
          <cell r="D157">
            <v>37288</v>
          </cell>
          <cell r="F157">
            <v>10776</v>
          </cell>
          <cell r="G157" t="str">
            <v>Lease</v>
          </cell>
          <cell r="H157" t="str">
            <v>SFS</v>
          </cell>
          <cell r="I157" t="str">
            <v xml:space="preserve">Ford Transit W/C Accessable bus 16 seats </v>
          </cell>
          <cell r="J157">
            <v>8000</v>
          </cell>
          <cell r="L157" t="str">
            <v>Extended to 31 Mar 09 - Extended to 31 Aug 09</v>
          </cell>
        </row>
        <row r="158">
          <cell r="A158" t="str">
            <v>3A015</v>
          </cell>
          <cell r="B158" t="str">
            <v>KC51LCE</v>
          </cell>
          <cell r="C158" t="str">
            <v>Passenger Fleet</v>
          </cell>
          <cell r="D158">
            <v>37288</v>
          </cell>
          <cell r="F158">
            <v>10776</v>
          </cell>
          <cell r="G158" t="str">
            <v>Lease</v>
          </cell>
          <cell r="H158" t="str">
            <v>SFS</v>
          </cell>
          <cell r="I158" t="str">
            <v xml:space="preserve">Ford Transit W/C Accessable bus 16 seats </v>
          </cell>
          <cell r="J158">
            <v>8000</v>
          </cell>
          <cell r="L158" t="str">
            <v>Extended to 31 Mar 09 - Extended to 31 Aug 09</v>
          </cell>
        </row>
        <row r="159">
          <cell r="A159" t="str">
            <v>3A016</v>
          </cell>
          <cell r="B159" t="str">
            <v>KC51LCF</v>
          </cell>
          <cell r="C159" t="str">
            <v>Passenger Fleet</v>
          </cell>
          <cell r="D159">
            <v>37288</v>
          </cell>
          <cell r="F159">
            <v>10776</v>
          </cell>
          <cell r="G159" t="str">
            <v>Lease</v>
          </cell>
          <cell r="H159" t="str">
            <v>SFS</v>
          </cell>
          <cell r="I159" t="str">
            <v xml:space="preserve">Ford Transit W/C Accessable bus 16 seats </v>
          </cell>
          <cell r="J159">
            <v>8000</v>
          </cell>
          <cell r="L159" t="str">
            <v>Extended to 31 Mar 09 - Extended to 31 Aug 09</v>
          </cell>
        </row>
        <row r="160">
          <cell r="A160" t="str">
            <v>3A017</v>
          </cell>
          <cell r="B160" t="str">
            <v>KC51NAA</v>
          </cell>
          <cell r="C160" t="str">
            <v>Passenger Fleet</v>
          </cell>
          <cell r="D160">
            <v>37294</v>
          </cell>
          <cell r="F160">
            <v>10776</v>
          </cell>
          <cell r="G160" t="str">
            <v>Lease</v>
          </cell>
          <cell r="H160" t="str">
            <v>SFS</v>
          </cell>
          <cell r="I160" t="str">
            <v xml:space="preserve">Ford Transit W/C Accessable bus 16 seats </v>
          </cell>
          <cell r="J160">
            <v>8000</v>
          </cell>
          <cell r="L160" t="str">
            <v>Extended to 31 Mar 09 - Extended to 31 Aug 09</v>
          </cell>
        </row>
        <row r="161">
          <cell r="A161" t="str">
            <v>3A018</v>
          </cell>
          <cell r="B161" t="str">
            <v>KC51NAE</v>
          </cell>
          <cell r="C161" t="str">
            <v>Passenger Fleet</v>
          </cell>
          <cell r="D161">
            <v>37298</v>
          </cell>
          <cell r="F161">
            <v>10776</v>
          </cell>
          <cell r="G161" t="str">
            <v>Lease</v>
          </cell>
          <cell r="H161" t="str">
            <v>SFS</v>
          </cell>
          <cell r="I161" t="str">
            <v xml:space="preserve">Ford Transit W/C Accessable bus 16 seats </v>
          </cell>
          <cell r="J161">
            <v>8000</v>
          </cell>
          <cell r="L161" t="str">
            <v>Extended to 31 Mar 09 - Extended to 31 Aug 09</v>
          </cell>
        </row>
        <row r="162">
          <cell r="A162" t="str">
            <v>3A019</v>
          </cell>
          <cell r="B162" t="str">
            <v>KC51NUM</v>
          </cell>
          <cell r="C162" t="str">
            <v>Passenger Fleet</v>
          </cell>
          <cell r="D162">
            <v>37306</v>
          </cell>
          <cell r="F162">
            <v>10776</v>
          </cell>
          <cell r="G162" t="str">
            <v>Lease</v>
          </cell>
          <cell r="H162" t="str">
            <v>SFS</v>
          </cell>
          <cell r="I162" t="str">
            <v xml:space="preserve">Ford Transit W/C Accessable bus 16 seats </v>
          </cell>
          <cell r="J162">
            <v>8000</v>
          </cell>
          <cell r="L162" t="str">
            <v>Extended to 31 Mar 09 - Extended to 31 Aug 09</v>
          </cell>
        </row>
        <row r="163">
          <cell r="A163" t="str">
            <v>3A020</v>
          </cell>
          <cell r="B163" t="str">
            <v>KL02CZW</v>
          </cell>
          <cell r="C163" t="str">
            <v>Passenger Fleet</v>
          </cell>
          <cell r="D163">
            <v>37341</v>
          </cell>
          <cell r="F163">
            <v>10776</v>
          </cell>
          <cell r="G163" t="str">
            <v>Lease</v>
          </cell>
          <cell r="H163" t="str">
            <v>SFS</v>
          </cell>
          <cell r="I163" t="str">
            <v xml:space="preserve">Ford Transit W/C Accessable bus 16 seats </v>
          </cell>
          <cell r="J163">
            <v>8000</v>
          </cell>
          <cell r="L163" t="str">
            <v>Extended to 31 Aug 09</v>
          </cell>
        </row>
        <row r="164">
          <cell r="A164" t="str">
            <v>3A021</v>
          </cell>
          <cell r="B164" t="str">
            <v>KL02CYS</v>
          </cell>
          <cell r="C164" t="str">
            <v>Passenger Fleet</v>
          </cell>
          <cell r="D164">
            <v>37348</v>
          </cell>
          <cell r="F164">
            <v>10776</v>
          </cell>
          <cell r="G164" t="str">
            <v>Lease</v>
          </cell>
          <cell r="H164" t="str">
            <v>SFS</v>
          </cell>
          <cell r="I164" t="str">
            <v xml:space="preserve">Ford Transit W/C Accessable bus 16 seats </v>
          </cell>
          <cell r="J164">
            <v>8000</v>
          </cell>
          <cell r="L164" t="str">
            <v>Extended to 31 Aug 09</v>
          </cell>
        </row>
        <row r="165">
          <cell r="A165" t="str">
            <v>3A022</v>
          </cell>
          <cell r="B165" t="str">
            <v>KF02UXB</v>
          </cell>
          <cell r="C165" t="str">
            <v>Passenger Fleet</v>
          </cell>
          <cell r="D165">
            <v>37368</v>
          </cell>
          <cell r="F165">
            <v>10776</v>
          </cell>
          <cell r="G165" t="str">
            <v>Lease</v>
          </cell>
          <cell r="H165" t="str">
            <v>SFS</v>
          </cell>
          <cell r="I165" t="str">
            <v xml:space="preserve">Ford Transit W/C Accessable bus 16 seats </v>
          </cell>
          <cell r="J165">
            <v>8000</v>
          </cell>
          <cell r="L165" t="str">
            <v>Extended to 31 Aug 09</v>
          </cell>
        </row>
        <row r="166">
          <cell r="A166" t="str">
            <v>3A023</v>
          </cell>
          <cell r="B166" t="str">
            <v>KF02UXS</v>
          </cell>
          <cell r="C166" t="str">
            <v>Passenger Fleet</v>
          </cell>
          <cell r="D166">
            <v>37377</v>
          </cell>
          <cell r="F166">
            <v>10776</v>
          </cell>
          <cell r="G166" t="str">
            <v>Lease</v>
          </cell>
          <cell r="H166" t="str">
            <v>SFS</v>
          </cell>
          <cell r="I166" t="str">
            <v xml:space="preserve">Ford Transit W/C Accessable bus 16 seats </v>
          </cell>
          <cell r="J166">
            <v>8000</v>
          </cell>
          <cell r="L166" t="str">
            <v>Extended to 31 Aug 09</v>
          </cell>
        </row>
        <row r="167">
          <cell r="A167" t="str">
            <v>3A024</v>
          </cell>
          <cell r="B167" t="str">
            <v>KL02JVF</v>
          </cell>
          <cell r="C167" t="str">
            <v>Passenger Fleet</v>
          </cell>
          <cell r="D167">
            <v>37386</v>
          </cell>
          <cell r="F167">
            <v>10776</v>
          </cell>
          <cell r="G167" t="str">
            <v>Lease</v>
          </cell>
          <cell r="H167" t="str">
            <v>SFS</v>
          </cell>
          <cell r="I167" t="str">
            <v xml:space="preserve">Ford Transit W/C Accessable bus 16 seats </v>
          </cell>
          <cell r="J167">
            <v>8000</v>
          </cell>
          <cell r="L167" t="str">
            <v>Extended to 31 Aug 09</v>
          </cell>
        </row>
        <row r="168">
          <cell r="A168" t="str">
            <v>3A025</v>
          </cell>
          <cell r="B168" t="str">
            <v>KG02YTT</v>
          </cell>
          <cell r="C168" t="str">
            <v>Passenger Fleet</v>
          </cell>
          <cell r="D168">
            <v>37396</v>
          </cell>
          <cell r="F168">
            <v>10776</v>
          </cell>
          <cell r="G168" t="str">
            <v>Lease</v>
          </cell>
          <cell r="H168" t="str">
            <v>SFS</v>
          </cell>
          <cell r="I168" t="str">
            <v xml:space="preserve">Ford Transit W/C Accessable bus 16 seats </v>
          </cell>
          <cell r="J168">
            <v>8000</v>
          </cell>
          <cell r="L168" t="str">
            <v>Extended to 31 Aug 09</v>
          </cell>
        </row>
        <row r="169">
          <cell r="A169" t="str">
            <v>3A026</v>
          </cell>
          <cell r="B169" t="str">
            <v>KG02YVT</v>
          </cell>
          <cell r="C169" t="str">
            <v>Passenger Fleet</v>
          </cell>
          <cell r="D169">
            <v>37403</v>
          </cell>
          <cell r="F169">
            <v>10776</v>
          </cell>
          <cell r="G169" t="str">
            <v>Lease</v>
          </cell>
          <cell r="H169" t="str">
            <v>SFS</v>
          </cell>
          <cell r="I169" t="str">
            <v xml:space="preserve">Ford Transit W/C Accessable bus 16 seats </v>
          </cell>
          <cell r="J169">
            <v>8000</v>
          </cell>
          <cell r="L169" t="str">
            <v>Extended to 31 Aug 09</v>
          </cell>
        </row>
        <row r="170">
          <cell r="A170" t="str">
            <v>3A027</v>
          </cell>
          <cell r="B170" t="str">
            <v>KL02NWD</v>
          </cell>
          <cell r="C170" t="str">
            <v>Passenger Fleet</v>
          </cell>
          <cell r="D170">
            <v>37412</v>
          </cell>
          <cell r="F170">
            <v>10776</v>
          </cell>
          <cell r="G170" t="str">
            <v>Lease</v>
          </cell>
          <cell r="H170" t="str">
            <v>SFS</v>
          </cell>
          <cell r="I170" t="str">
            <v xml:space="preserve">Ford Transit W/C Accessable bus 16 seats </v>
          </cell>
          <cell r="J170">
            <v>8000</v>
          </cell>
          <cell r="L170" t="str">
            <v>Extended to 31 Aug 09</v>
          </cell>
        </row>
        <row r="171">
          <cell r="A171" t="str">
            <v>3A028</v>
          </cell>
          <cell r="B171" t="str">
            <v>KG02YXN</v>
          </cell>
          <cell r="C171" t="str">
            <v>Passenger Fleet</v>
          </cell>
          <cell r="D171">
            <v>37412</v>
          </cell>
          <cell r="F171">
            <v>10776</v>
          </cell>
          <cell r="G171" t="str">
            <v>Lease</v>
          </cell>
          <cell r="H171" t="str">
            <v>SFS</v>
          </cell>
          <cell r="I171" t="str">
            <v xml:space="preserve">Ford Transit W/C Accessable bus 16 seats </v>
          </cell>
          <cell r="J171">
            <v>8000</v>
          </cell>
          <cell r="L171" t="str">
            <v>Extended to 31 Aug 09</v>
          </cell>
        </row>
        <row r="172">
          <cell r="A172" t="str">
            <v>3A029</v>
          </cell>
          <cell r="B172" t="str">
            <v>KG02YUV</v>
          </cell>
          <cell r="C172" t="str">
            <v>Passenger Fleet</v>
          </cell>
          <cell r="D172">
            <v>37420</v>
          </cell>
          <cell r="F172">
            <v>10776</v>
          </cell>
          <cell r="G172" t="str">
            <v>Lease</v>
          </cell>
          <cell r="H172" t="str">
            <v>SFS</v>
          </cell>
          <cell r="I172" t="str">
            <v xml:space="preserve">Ford Transit W/C Accessable bus 16 seats </v>
          </cell>
          <cell r="J172">
            <v>8000</v>
          </cell>
          <cell r="L172" t="str">
            <v>Extended to 31 Aug 09</v>
          </cell>
        </row>
        <row r="173">
          <cell r="A173" t="str">
            <v>3A030</v>
          </cell>
          <cell r="B173" t="str">
            <v>KG02YWL</v>
          </cell>
          <cell r="C173" t="str">
            <v>Passenger Fleet</v>
          </cell>
          <cell r="D173">
            <v>37452</v>
          </cell>
          <cell r="F173">
            <v>10776</v>
          </cell>
          <cell r="G173" t="str">
            <v>Lease</v>
          </cell>
          <cell r="H173" t="str">
            <v>SFS</v>
          </cell>
          <cell r="I173" t="str">
            <v xml:space="preserve">Ford Transit W/C Accessable bus 16 seats </v>
          </cell>
          <cell r="J173">
            <v>8000</v>
          </cell>
          <cell r="L173" t="str">
            <v>Extended to 31 Aug 09</v>
          </cell>
        </row>
        <row r="174">
          <cell r="A174" t="str">
            <v>3A031</v>
          </cell>
          <cell r="B174" t="str">
            <v>KC02AKX</v>
          </cell>
          <cell r="C174" t="str">
            <v>Passenger Fleet</v>
          </cell>
          <cell r="D174">
            <v>37445</v>
          </cell>
          <cell r="F174">
            <v>10776</v>
          </cell>
          <cell r="G174" t="str">
            <v>Lease</v>
          </cell>
          <cell r="H174" t="str">
            <v>SFS</v>
          </cell>
          <cell r="I174" t="str">
            <v xml:space="preserve">Ford Transit W/C Accessable bus 16 seats </v>
          </cell>
          <cell r="J174">
            <v>8000</v>
          </cell>
          <cell r="L174" t="str">
            <v>Extended to 31 Aug 09</v>
          </cell>
        </row>
        <row r="175">
          <cell r="A175" t="str">
            <v>3A032</v>
          </cell>
          <cell r="B175" t="str">
            <v>KH02OKA</v>
          </cell>
          <cell r="C175" t="str">
            <v>Passenger Fleet</v>
          </cell>
          <cell r="D175">
            <v>37463</v>
          </cell>
          <cell r="F175">
            <v>10776</v>
          </cell>
          <cell r="G175" t="str">
            <v>Lease</v>
          </cell>
          <cell r="H175" t="str">
            <v>SFS</v>
          </cell>
          <cell r="I175" t="str">
            <v xml:space="preserve">Ford Transit W/C Accessable bus 16 seats </v>
          </cell>
          <cell r="J175">
            <v>8000</v>
          </cell>
          <cell r="L175" t="str">
            <v>Extended to 31 Aug 09</v>
          </cell>
        </row>
        <row r="176">
          <cell r="A176" t="str">
            <v>3A033</v>
          </cell>
          <cell r="B176" t="str">
            <v>KH02UDO</v>
          </cell>
          <cell r="C176" t="str">
            <v>Passenger Fleet</v>
          </cell>
          <cell r="D176">
            <v>37481</v>
          </cell>
          <cell r="F176">
            <v>10776</v>
          </cell>
          <cell r="G176" t="str">
            <v>Lease</v>
          </cell>
          <cell r="H176" t="str">
            <v>SFS</v>
          </cell>
          <cell r="I176" t="str">
            <v xml:space="preserve">Ford Transit W/C Accessable bus 16 seats </v>
          </cell>
          <cell r="J176">
            <v>8000</v>
          </cell>
          <cell r="L176" t="str">
            <v>Extended to 31 Aug 09</v>
          </cell>
        </row>
        <row r="177">
          <cell r="A177" t="str">
            <v>3P001</v>
          </cell>
          <cell r="B177" t="str">
            <v>AE02TUJ</v>
          </cell>
          <cell r="C177" t="str">
            <v>Colindale Police</v>
          </cell>
          <cell r="D177">
            <v>37336</v>
          </cell>
          <cell r="E177" t="str">
            <v>Barnet Owned</v>
          </cell>
          <cell r="F177">
            <v>10996</v>
          </cell>
          <cell r="G177" t="str">
            <v>Barnet Owned</v>
          </cell>
          <cell r="H177" t="str">
            <v>N/A</v>
          </cell>
          <cell r="I177" t="str">
            <v xml:space="preserve"> FORD TRANSIT 350 MINI BUS</v>
          </cell>
          <cell r="J177">
            <v>5000</v>
          </cell>
        </row>
        <row r="178">
          <cell r="A178" t="str">
            <v>3P002</v>
          </cell>
          <cell r="B178" t="str">
            <v>AE02TUZ</v>
          </cell>
          <cell r="C178" t="str">
            <v>Colindale Police</v>
          </cell>
          <cell r="D178">
            <v>37336</v>
          </cell>
          <cell r="E178" t="str">
            <v>Barnet Owned</v>
          </cell>
          <cell r="F178">
            <v>10996</v>
          </cell>
          <cell r="G178" t="str">
            <v>Barnet Owned</v>
          </cell>
          <cell r="H178" t="str">
            <v>N/A</v>
          </cell>
          <cell r="I178" t="str">
            <v>Trailer</v>
          </cell>
          <cell r="J178">
            <v>4500</v>
          </cell>
        </row>
        <row r="179">
          <cell r="A179" t="str">
            <v>3Z104</v>
          </cell>
          <cell r="B179" t="str">
            <v>MX09KLA</v>
          </cell>
          <cell r="C179" t="str">
            <v>Passenger Fleet</v>
          </cell>
          <cell r="D179">
            <v>40137</v>
          </cell>
          <cell r="E179" t="str">
            <v>two week</v>
          </cell>
          <cell r="F179">
            <v>10776</v>
          </cell>
          <cell r="G179" t="str">
            <v>Ad Hoc Hire</v>
          </cell>
          <cell r="H179" t="str">
            <v>DRM</v>
          </cell>
          <cell r="I179" t="str">
            <v>Iveco 16 seater</v>
          </cell>
          <cell r="L179" t="str">
            <v>back up / spare - replacing 3A022</v>
          </cell>
        </row>
        <row r="180">
          <cell r="A180" t="str">
            <v>4T027</v>
          </cell>
          <cell r="B180" t="str">
            <v>LK07EPA</v>
          </cell>
          <cell r="C180" t="str">
            <v>Barnet Homes - Caretakers</v>
          </cell>
          <cell r="D180">
            <v>39301</v>
          </cell>
          <cell r="E180">
            <v>40397</v>
          </cell>
          <cell r="F180" t="str">
            <v>External</v>
          </cell>
          <cell r="G180" t="str">
            <v>Lease</v>
          </cell>
          <cell r="H180" t="str">
            <v>SFS</v>
          </cell>
          <cell r="I180" t="str">
            <v>Iveco 75E16 Tipper/Tail Lift</v>
          </cell>
          <cell r="J180">
            <v>23000</v>
          </cell>
        </row>
        <row r="181">
          <cell r="A181" t="str">
            <v>4T028</v>
          </cell>
          <cell r="B181" t="str">
            <v>LK07EPC</v>
          </cell>
          <cell r="C181" t="str">
            <v>Barnet Homes - Caretakers</v>
          </cell>
          <cell r="D181">
            <v>39301</v>
          </cell>
          <cell r="E181">
            <v>40397</v>
          </cell>
          <cell r="F181" t="str">
            <v>External</v>
          </cell>
          <cell r="G181" t="str">
            <v>Lease</v>
          </cell>
          <cell r="H181" t="str">
            <v>SFS</v>
          </cell>
          <cell r="I181" t="str">
            <v>Iveco 75E16Tipper/Tail Lift</v>
          </cell>
          <cell r="J181">
            <v>23000</v>
          </cell>
        </row>
        <row r="182">
          <cell r="A182" t="str">
            <v>4T029</v>
          </cell>
          <cell r="B182" t="str">
            <v>LK57CYH</v>
          </cell>
          <cell r="C182" t="str">
            <v>Barnet Homes - Caretakers</v>
          </cell>
          <cell r="D182">
            <v>39356</v>
          </cell>
          <cell r="E182">
            <v>40452</v>
          </cell>
          <cell r="F182" t="str">
            <v>External</v>
          </cell>
          <cell r="G182" t="str">
            <v>Lease</v>
          </cell>
          <cell r="H182" t="str">
            <v>SFS</v>
          </cell>
          <cell r="I182" t="str">
            <v>Iveco 4.5 tipper/Caged /Tail-lift</v>
          </cell>
          <cell r="J182">
            <v>15000</v>
          </cell>
        </row>
        <row r="183">
          <cell r="A183" t="str">
            <v>4Z257</v>
          </cell>
          <cell r="B183" t="str">
            <v>NX08CFG</v>
          </cell>
          <cell r="C183" t="str">
            <v>Highway Maintenance (10664)</v>
          </cell>
          <cell r="F183">
            <v>10664</v>
          </cell>
          <cell r="G183" t="str">
            <v>Regular Hire</v>
          </cell>
          <cell r="H183" t="str">
            <v>DRM</v>
          </cell>
          <cell r="I183" t="str">
            <v>Iveco 75 E16 7.5 t  insulated Tipper</v>
          </cell>
        </row>
        <row r="184">
          <cell r="A184" t="str">
            <v>4Z258</v>
          </cell>
          <cell r="B184" t="str">
            <v>NX08CFE</v>
          </cell>
          <cell r="C184" t="str">
            <v>Highway Maintenance (10664)</v>
          </cell>
          <cell r="F184">
            <v>10664</v>
          </cell>
          <cell r="G184" t="str">
            <v>Regular Hire</v>
          </cell>
          <cell r="H184" t="str">
            <v>DRM</v>
          </cell>
          <cell r="I184" t="str">
            <v>Iveco 75 E16 7.5 t  insulated Tipper</v>
          </cell>
        </row>
        <row r="185">
          <cell r="A185" t="str">
            <v>4Z259</v>
          </cell>
          <cell r="B185" t="str">
            <v>NX08CFF</v>
          </cell>
          <cell r="C185" t="str">
            <v>Highway Maintenance (10664)</v>
          </cell>
          <cell r="F185">
            <v>10664</v>
          </cell>
          <cell r="G185" t="str">
            <v>Regular Hire</v>
          </cell>
          <cell r="H185" t="str">
            <v>DRM</v>
          </cell>
          <cell r="I185" t="str">
            <v>Iveco 75 E16 7.5 t  insulated Tipper</v>
          </cell>
        </row>
        <row r="186">
          <cell r="A186" t="str">
            <v>4Z260</v>
          </cell>
          <cell r="B186" t="str">
            <v>NX08CFJ</v>
          </cell>
          <cell r="C186" t="str">
            <v>Highway Maintenance (10664)</v>
          </cell>
          <cell r="F186">
            <v>10664</v>
          </cell>
          <cell r="G186" t="str">
            <v>Regular Hire</v>
          </cell>
          <cell r="H186" t="str">
            <v>DRM</v>
          </cell>
          <cell r="I186" t="str">
            <v>Iveco 75 E16 7.5 t  insulated Tipper</v>
          </cell>
        </row>
        <row r="187">
          <cell r="A187" t="str">
            <v>4Z261</v>
          </cell>
          <cell r="B187" t="str">
            <v>MX08HHT</v>
          </cell>
          <cell r="C187" t="str">
            <v>Highway Maintenance (10664)</v>
          </cell>
          <cell r="F187">
            <v>10664</v>
          </cell>
          <cell r="G187" t="str">
            <v>Regular Hire</v>
          </cell>
          <cell r="H187" t="str">
            <v>DRM</v>
          </cell>
          <cell r="I187" t="str">
            <v>Iveco 75 E16 7.5 t  insulated Tipper</v>
          </cell>
        </row>
        <row r="188">
          <cell r="A188" t="str">
            <v>4Z262</v>
          </cell>
          <cell r="B188" t="str">
            <v>NX07GOH</v>
          </cell>
          <cell r="C188" t="str">
            <v>Street Scene - Refuse</v>
          </cell>
          <cell r="F188">
            <v>10655</v>
          </cell>
          <cell r="G188" t="str">
            <v>Regular Hire</v>
          </cell>
          <cell r="H188" t="str">
            <v>DRM</v>
          </cell>
          <cell r="I188" t="str">
            <v>7.5 Box--T/L</v>
          </cell>
        </row>
        <row r="189">
          <cell r="A189" t="str">
            <v>4Z267</v>
          </cell>
          <cell r="B189" t="str">
            <v>DX53LPY</v>
          </cell>
          <cell r="C189" t="str">
            <v>Barnet Homes - Caretakers</v>
          </cell>
          <cell r="D189">
            <v>39881</v>
          </cell>
          <cell r="F189">
            <v>10652</v>
          </cell>
          <cell r="G189" t="str">
            <v>Regular Hire</v>
          </cell>
          <cell r="H189" t="str">
            <v>GPL</v>
          </cell>
          <cell r="I189" t="str">
            <v>7.5 Box--T/L</v>
          </cell>
        </row>
        <row r="190">
          <cell r="A190" t="str">
            <v>4Z270</v>
          </cell>
          <cell r="B190" t="str">
            <v>MX56CUJ</v>
          </cell>
          <cell r="C190" t="str">
            <v>Street Scene - Cleansing</v>
          </cell>
          <cell r="D190">
            <v>39938</v>
          </cell>
          <cell r="F190">
            <v>10652</v>
          </cell>
          <cell r="G190" t="str">
            <v>Regular Hire</v>
          </cell>
          <cell r="H190" t="str">
            <v>GPL</v>
          </cell>
          <cell r="I190" t="str">
            <v>7.5 Cage Tipper--T/L</v>
          </cell>
          <cell r="L190" t="str">
            <v>Replacing 4Z265, WU53DMO</v>
          </cell>
        </row>
        <row r="191">
          <cell r="A191" t="str">
            <v>4Z270A</v>
          </cell>
          <cell r="B191" t="str">
            <v>LK04CNJ</v>
          </cell>
          <cell r="C191" t="str">
            <v>Street Scene - Cleansing</v>
          </cell>
          <cell r="D191">
            <v>40148</v>
          </cell>
          <cell r="F191">
            <v>10652</v>
          </cell>
          <cell r="G191" t="str">
            <v>Regular Hire</v>
          </cell>
          <cell r="H191" t="str">
            <v>GPL</v>
          </cell>
          <cell r="I191" t="str">
            <v>7.5 Cage Tipper--T/L</v>
          </cell>
        </row>
        <row r="192">
          <cell r="A192" t="str">
            <v>4Z272</v>
          </cell>
          <cell r="B192" t="str">
            <v>WU53ERJ</v>
          </cell>
          <cell r="C192" t="str">
            <v>Barnet Homes - Caretakers</v>
          </cell>
          <cell r="D192">
            <v>40082</v>
          </cell>
          <cell r="F192" t="str">
            <v>External</v>
          </cell>
          <cell r="G192" t="str">
            <v>Ad Hoc Hire</v>
          </cell>
          <cell r="H192" t="str">
            <v>GPL</v>
          </cell>
          <cell r="I192" t="str">
            <v>7.5 Cage Tipper--T/L</v>
          </cell>
          <cell r="L192" t="str">
            <v>1 WEEK HIRE</v>
          </cell>
        </row>
        <row r="193">
          <cell r="A193" t="str">
            <v>4Z273</v>
          </cell>
          <cell r="B193" t="str">
            <v>WU53ERJ</v>
          </cell>
          <cell r="C193" t="str">
            <v>Street Scene - Cleansing</v>
          </cell>
          <cell r="D193">
            <v>40066</v>
          </cell>
          <cell r="E193">
            <v>40081</v>
          </cell>
          <cell r="F193">
            <v>10652</v>
          </cell>
          <cell r="G193" t="str">
            <v>Ad Hoc Hire</v>
          </cell>
          <cell r="H193" t="str">
            <v>GPL</v>
          </cell>
          <cell r="I193" t="str">
            <v>7.5 Cage Tipper--T/L</v>
          </cell>
        </row>
        <row r="194">
          <cell r="A194" t="str">
            <v>4Z274</v>
          </cell>
          <cell r="B194" t="str">
            <v>WU53DMO</v>
          </cell>
          <cell r="C194" t="str">
            <v>Street Scene - Cleansing</v>
          </cell>
          <cell r="D194">
            <v>40082</v>
          </cell>
          <cell r="F194">
            <v>10652</v>
          </cell>
          <cell r="G194" t="str">
            <v>Regular Hire</v>
          </cell>
          <cell r="H194" t="str">
            <v>GPL</v>
          </cell>
          <cell r="I194" t="str">
            <v>7.5 Cage Tipper--T/L</v>
          </cell>
        </row>
        <row r="195">
          <cell r="A195" t="str">
            <v>5S003</v>
          </cell>
          <cell r="B195" t="str">
            <v>KX04KMY</v>
          </cell>
          <cell r="C195" t="str">
            <v>Street Scene - Cleansing</v>
          </cell>
          <cell r="D195">
            <v>38146</v>
          </cell>
          <cell r="E195">
            <v>40702</v>
          </cell>
          <cell r="F195">
            <v>10652</v>
          </cell>
          <cell r="G195" t="str">
            <v>Lease</v>
          </cell>
          <cell r="H195" t="str">
            <v>SFS</v>
          </cell>
          <cell r="I195" t="str">
            <v>Iveco 18 tonne Skip Lorry</v>
          </cell>
          <cell r="J195">
            <v>23000</v>
          </cell>
        </row>
        <row r="196">
          <cell r="A196" t="str">
            <v>5S551</v>
          </cell>
          <cell r="B196" t="str">
            <v>R717HGC</v>
          </cell>
          <cell r="C196" t="str">
            <v>Street Scene - Cleansing</v>
          </cell>
          <cell r="D196">
            <v>35839</v>
          </cell>
          <cell r="E196" t="str">
            <v>Barnet Owned</v>
          </cell>
          <cell r="F196">
            <v>10652</v>
          </cell>
          <cell r="G196" t="str">
            <v>Barnet Owned</v>
          </cell>
          <cell r="H196" t="str">
            <v>N/A</v>
          </cell>
          <cell r="I196" t="str">
            <v xml:space="preserve"> Seddon Atkinson 18 tonne Skip Lorry </v>
          </cell>
          <cell r="J196">
            <v>2500</v>
          </cell>
        </row>
        <row r="197">
          <cell r="A197" t="str">
            <v>5T001</v>
          </cell>
          <cell r="B197" t="str">
            <v>KX51XXZ</v>
          </cell>
          <cell r="C197" t="str">
            <v>Street Scene - Refuse</v>
          </cell>
          <cell r="D197">
            <v>37179</v>
          </cell>
          <cell r="F197">
            <v>10655</v>
          </cell>
          <cell r="G197" t="str">
            <v>Lease</v>
          </cell>
          <cell r="H197" t="str">
            <v>SFS</v>
          </cell>
          <cell r="I197" t="str">
            <v>Iveco 26 tonne Grab Lorry</v>
          </cell>
          <cell r="J197">
            <v>17000</v>
          </cell>
          <cell r="K197" t="str">
            <v>Fly tip</v>
          </cell>
          <cell r="L197" t="str">
            <v>Extended to 31 Mar 09 - Extended to 31 Aug 09</v>
          </cell>
        </row>
        <row r="198">
          <cell r="A198" t="str">
            <v>5T002</v>
          </cell>
          <cell r="B198" t="str">
            <v>KX54HRN</v>
          </cell>
          <cell r="C198" t="str">
            <v>Highway Maintenance (10664)</v>
          </cell>
          <cell r="D198">
            <v>38320</v>
          </cell>
          <cell r="F198">
            <v>10664</v>
          </cell>
          <cell r="G198" t="str">
            <v>Lease</v>
          </cell>
          <cell r="H198" t="str">
            <v>SFS</v>
          </cell>
          <cell r="I198" t="str">
            <v>Iveco 12 tonne Grab Lorry</v>
          </cell>
          <cell r="J198">
            <v>17500</v>
          </cell>
          <cell r="L198" t="str">
            <v>Extended to 31 Mar 09 - Extended to 31 Aug 09</v>
          </cell>
        </row>
        <row r="199">
          <cell r="A199" t="str">
            <v>5Z005</v>
          </cell>
          <cell r="B199" t="str">
            <v>PN07HHW</v>
          </cell>
          <cell r="C199" t="str">
            <v>Street Scene - Refuse</v>
          </cell>
          <cell r="D199">
            <v>39979</v>
          </cell>
          <cell r="F199">
            <v>10655</v>
          </cell>
          <cell r="G199" t="str">
            <v>Ad Hoc Hire</v>
          </cell>
          <cell r="H199" t="str">
            <v>GPL</v>
          </cell>
          <cell r="I199" t="str">
            <v>18T Skip loader with ext arms</v>
          </cell>
          <cell r="L199" t="str">
            <v>Replacing 5Z003 &amp; 5Z002</v>
          </cell>
        </row>
        <row r="200">
          <cell r="A200" t="str">
            <v>5Z007</v>
          </cell>
          <cell r="B200" t="str">
            <v>YJ56ZBZ</v>
          </cell>
          <cell r="C200" t="str">
            <v>Street Scene - Refuse</v>
          </cell>
          <cell r="D200">
            <v>40095</v>
          </cell>
          <cell r="F200">
            <v>10655</v>
          </cell>
          <cell r="G200" t="str">
            <v>Ad Hoc Hire</v>
          </cell>
          <cell r="H200" t="str">
            <v>GPL</v>
          </cell>
          <cell r="I200" t="str">
            <v>26T Grab Lorry</v>
          </cell>
          <cell r="L200" t="str">
            <v>Replacing 5T001 for repair ( week Hire)</v>
          </cell>
        </row>
        <row r="201">
          <cell r="A201" t="str">
            <v>5Z008</v>
          </cell>
          <cell r="B201" t="str">
            <v>PO56KHV</v>
          </cell>
          <cell r="C201" t="str">
            <v>Street Scene - Cleansing</v>
          </cell>
          <cell r="D201">
            <v>40106</v>
          </cell>
          <cell r="E201">
            <v>40112</v>
          </cell>
          <cell r="F201">
            <v>10652</v>
          </cell>
          <cell r="G201" t="str">
            <v>Ad Hoc Hire</v>
          </cell>
          <cell r="H201" t="str">
            <v>GPL</v>
          </cell>
          <cell r="I201" t="str">
            <v>Iveco 18 tonne Skip Lorry</v>
          </cell>
          <cell r="L201" t="str">
            <v>Replacing 5S551 (Repair)</v>
          </cell>
        </row>
        <row r="202">
          <cell r="A202" t="str">
            <v>5Z009</v>
          </cell>
          <cell r="B202" t="str">
            <v>PN07HHX</v>
          </cell>
          <cell r="C202" t="str">
            <v>Street Scene - Cleansing</v>
          </cell>
          <cell r="D202">
            <v>40135</v>
          </cell>
          <cell r="F202">
            <v>10652</v>
          </cell>
          <cell r="G202" t="str">
            <v>Ad Hoc Hire</v>
          </cell>
          <cell r="H202" t="str">
            <v>GPL</v>
          </cell>
          <cell r="I202" t="str">
            <v>18 tonne Skip Lorry</v>
          </cell>
        </row>
        <row r="203">
          <cell r="A203" t="str">
            <v>5Z009A</v>
          </cell>
          <cell r="B203" t="str">
            <v>PN57FRK</v>
          </cell>
          <cell r="C203" t="str">
            <v>Street Scene - Cleansing</v>
          </cell>
          <cell r="D203">
            <v>40162</v>
          </cell>
          <cell r="F203">
            <v>10652</v>
          </cell>
          <cell r="G203" t="str">
            <v>Ad Hoc Hire</v>
          </cell>
          <cell r="H203" t="str">
            <v>GPL</v>
          </cell>
          <cell r="I203" t="str">
            <v>19 tonne Skip Lorry</v>
          </cell>
          <cell r="L203" t="str">
            <v>Covering 5Z009 MOT</v>
          </cell>
        </row>
        <row r="204">
          <cell r="A204" t="str">
            <v>6B201</v>
          </cell>
          <cell r="B204" t="str">
            <v>Y342HDU</v>
          </cell>
          <cell r="C204" t="str">
            <v>Street Scene - Refuse</v>
          </cell>
          <cell r="D204" t="str">
            <v>Barnet Owned</v>
          </cell>
          <cell r="E204" t="str">
            <v>n/a</v>
          </cell>
          <cell r="F204">
            <v>10655</v>
          </cell>
          <cell r="G204" t="str">
            <v>Barnet Owned</v>
          </cell>
          <cell r="H204" t="str">
            <v>N/A</v>
          </cell>
          <cell r="I204" t="str">
            <v>Dennis 22.3 tonne Narrow c/w Dennis Trade Lift</v>
          </cell>
          <cell r="J204">
            <v>6000</v>
          </cell>
          <cell r="L204" t="str">
            <v>Changed ownership to LBB 4 Oct~08</v>
          </cell>
        </row>
        <row r="205">
          <cell r="A205" t="str">
            <v>6B202</v>
          </cell>
          <cell r="B205" t="str">
            <v>Y441HDU</v>
          </cell>
          <cell r="C205" t="str">
            <v>Street Scene - Refuse</v>
          </cell>
          <cell r="D205" t="str">
            <v>Barnet Owned</v>
          </cell>
          <cell r="F205">
            <v>10655</v>
          </cell>
          <cell r="G205" t="str">
            <v>Barnet Owned</v>
          </cell>
          <cell r="H205" t="str">
            <v>N/A</v>
          </cell>
          <cell r="I205" t="str">
            <v>Dennis 22.3 tonne Narrow c/w Dennis Trade Lift</v>
          </cell>
          <cell r="J205">
            <v>6000</v>
          </cell>
          <cell r="L205" t="str">
            <v>Changed ownership to LBB 4 Oct~08</v>
          </cell>
        </row>
        <row r="206">
          <cell r="A206" t="str">
            <v>6B207</v>
          </cell>
          <cell r="B206" t="str">
            <v>VU52TKN</v>
          </cell>
          <cell r="C206" t="str">
            <v>Street Scene - Refuse</v>
          </cell>
          <cell r="D206">
            <v>37690</v>
          </cell>
          <cell r="E206">
            <v>40247</v>
          </cell>
          <cell r="F206">
            <v>10655</v>
          </cell>
          <cell r="G206" t="str">
            <v>Lease</v>
          </cell>
          <cell r="H206" t="str">
            <v>SFS</v>
          </cell>
          <cell r="I206" t="str">
            <v>Dennis 22.3 tonne Narrow c/w Terberg Trade Lift</v>
          </cell>
          <cell r="J206">
            <v>15000</v>
          </cell>
        </row>
        <row r="207">
          <cell r="A207" t="str">
            <v>6B208</v>
          </cell>
          <cell r="B207" t="str">
            <v>VU52TKK</v>
          </cell>
          <cell r="C207" t="str">
            <v>Street Scene - Refuse</v>
          </cell>
          <cell r="D207">
            <v>37690</v>
          </cell>
          <cell r="E207">
            <v>40247</v>
          </cell>
          <cell r="F207">
            <v>10655</v>
          </cell>
          <cell r="G207" t="str">
            <v>Lease</v>
          </cell>
          <cell r="H207" t="str">
            <v>SFS</v>
          </cell>
          <cell r="I207" t="str">
            <v>Dennis 22.3 tonne Narrow c/w Terberg Trade Lift</v>
          </cell>
          <cell r="J207">
            <v>15000</v>
          </cell>
        </row>
        <row r="208">
          <cell r="A208" t="str">
            <v>6B209</v>
          </cell>
          <cell r="B208" t="str">
            <v>VX54BVB</v>
          </cell>
          <cell r="C208" t="str">
            <v>Street Scene - Refuse</v>
          </cell>
          <cell r="D208">
            <v>38292</v>
          </cell>
          <cell r="E208">
            <v>40848</v>
          </cell>
          <cell r="F208">
            <v>10655</v>
          </cell>
          <cell r="G208" t="str">
            <v>Lease</v>
          </cell>
          <cell r="H208" t="str">
            <v>SFS</v>
          </cell>
          <cell r="I208" t="str">
            <v>Dennis 22.3 tonne Narrow c/w Terberg Trade Lift</v>
          </cell>
          <cell r="J208">
            <v>15000</v>
          </cell>
        </row>
        <row r="209">
          <cell r="A209" t="str">
            <v>6C001</v>
          </cell>
          <cell r="B209" t="str">
            <v>VK58JLU</v>
          </cell>
          <cell r="C209" t="str">
            <v>Street Scene - Refuse</v>
          </cell>
          <cell r="D209">
            <v>39756</v>
          </cell>
          <cell r="E209">
            <v>41582</v>
          </cell>
          <cell r="F209">
            <v>10655</v>
          </cell>
          <cell r="G209" t="str">
            <v>Lease</v>
          </cell>
          <cell r="H209" t="str">
            <v>GPL</v>
          </cell>
          <cell r="I209" t="str">
            <v>Dennis Narrow 24tonne  OMNI BL</v>
          </cell>
        </row>
        <row r="210">
          <cell r="A210" t="str">
            <v>6C002</v>
          </cell>
          <cell r="B210" t="str">
            <v>VK58JLV</v>
          </cell>
          <cell r="C210" t="str">
            <v>Street Scene - Refuse</v>
          </cell>
          <cell r="D210">
            <v>39756</v>
          </cell>
          <cell r="E210">
            <v>41582</v>
          </cell>
          <cell r="F210">
            <v>10655</v>
          </cell>
          <cell r="G210" t="str">
            <v>Lease</v>
          </cell>
          <cell r="H210" t="str">
            <v>GPL</v>
          </cell>
          <cell r="I210" t="str">
            <v>Dennis Narrow 24tonne  OMNI BL</v>
          </cell>
        </row>
        <row r="211">
          <cell r="A211" t="str">
            <v>6C003</v>
          </cell>
          <cell r="B211" t="str">
            <v>VK58JLX</v>
          </cell>
          <cell r="C211" t="str">
            <v>Street Scene - Refuse</v>
          </cell>
          <cell r="D211">
            <v>39756</v>
          </cell>
          <cell r="E211">
            <v>41582</v>
          </cell>
          <cell r="F211">
            <v>10655</v>
          </cell>
          <cell r="G211" t="str">
            <v>Lease</v>
          </cell>
          <cell r="H211" t="str">
            <v>GPL</v>
          </cell>
          <cell r="I211" t="str">
            <v>Dennis Narrow 24tonne  OMNI BL</v>
          </cell>
        </row>
        <row r="212">
          <cell r="A212" t="str">
            <v>6C004</v>
          </cell>
          <cell r="B212" t="str">
            <v>VN58GGO</v>
          </cell>
          <cell r="C212" t="str">
            <v>Street Scene - Refuse</v>
          </cell>
          <cell r="D212">
            <v>39815</v>
          </cell>
          <cell r="E212">
            <v>41641</v>
          </cell>
          <cell r="F212">
            <v>10655</v>
          </cell>
          <cell r="G212" t="str">
            <v>Lease</v>
          </cell>
          <cell r="H212" t="str">
            <v>GPL</v>
          </cell>
          <cell r="I212" t="str">
            <v>Dennis Narrow 24tonne  OMNI BL</v>
          </cell>
        </row>
        <row r="213">
          <cell r="A213" t="str">
            <v>6C005</v>
          </cell>
          <cell r="B213" t="str">
            <v>VN58GGP</v>
          </cell>
          <cell r="C213" t="str">
            <v>Street Scene - Refuse</v>
          </cell>
          <cell r="D213">
            <v>39819</v>
          </cell>
          <cell r="E213">
            <v>41645</v>
          </cell>
          <cell r="F213">
            <v>10655</v>
          </cell>
          <cell r="G213" t="str">
            <v>Lease</v>
          </cell>
          <cell r="H213" t="str">
            <v>GPL</v>
          </cell>
          <cell r="I213" t="str">
            <v>Dennis Narrow 24tonne  OMNI BL</v>
          </cell>
        </row>
        <row r="214">
          <cell r="A214" t="str">
            <v>6C006</v>
          </cell>
          <cell r="B214" t="str">
            <v>VN58GGU</v>
          </cell>
          <cell r="C214" t="str">
            <v>Street Scene - Refuse</v>
          </cell>
          <cell r="D214">
            <v>39839</v>
          </cell>
          <cell r="E214">
            <v>41665</v>
          </cell>
          <cell r="F214">
            <v>10655</v>
          </cell>
          <cell r="G214" t="str">
            <v>Lease</v>
          </cell>
          <cell r="H214" t="str">
            <v>GPL</v>
          </cell>
          <cell r="I214" t="str">
            <v>Dennis Narrow 24tonne  OMNI BL</v>
          </cell>
        </row>
        <row r="215">
          <cell r="A215" t="str">
            <v>6C007</v>
          </cell>
          <cell r="B215" t="str">
            <v>VN58GGV</v>
          </cell>
          <cell r="C215" t="str">
            <v>Street Scene - Refuse</v>
          </cell>
          <cell r="D215">
            <v>39860</v>
          </cell>
          <cell r="E215">
            <v>41686</v>
          </cell>
          <cell r="F215">
            <v>10655</v>
          </cell>
          <cell r="G215" t="str">
            <v>Lease</v>
          </cell>
          <cell r="H215" t="str">
            <v>GPL</v>
          </cell>
          <cell r="I215" t="str">
            <v>Dennis Narrow 24tonne  OMNI BL</v>
          </cell>
        </row>
        <row r="216">
          <cell r="A216" t="str">
            <v>6C008</v>
          </cell>
          <cell r="B216" t="str">
            <v>VX09WJK</v>
          </cell>
          <cell r="C216" t="str">
            <v>Street Scene - Refuse</v>
          </cell>
          <cell r="D216">
            <v>39959</v>
          </cell>
          <cell r="E216" t="str">
            <v>SPARE</v>
          </cell>
          <cell r="F216">
            <v>10655</v>
          </cell>
          <cell r="G216" t="str">
            <v>Lease</v>
          </cell>
          <cell r="H216" t="str">
            <v>GPL</v>
          </cell>
          <cell r="I216" t="str">
            <v>Dennis Narrow 24tonne  OMNI BL</v>
          </cell>
          <cell r="L216" t="str">
            <v>Spare Vehicle form GPL</v>
          </cell>
        </row>
        <row r="217">
          <cell r="A217" t="str">
            <v>6D004</v>
          </cell>
          <cell r="B217" t="str">
            <v>VX51GOA</v>
          </cell>
          <cell r="C217" t="str">
            <v>Street Scene - Refuse</v>
          </cell>
          <cell r="D217" t="str">
            <v>Barnet Owned</v>
          </cell>
          <cell r="E217" t="str">
            <v>Barnet Owned</v>
          </cell>
          <cell r="F217">
            <v>10655</v>
          </cell>
          <cell r="G217" t="str">
            <v>Barnet Owned</v>
          </cell>
          <cell r="H217" t="str">
            <v>N/A</v>
          </cell>
          <cell r="I217" t="str">
            <v>Dennis 26tonne c/w Terberg Split lift</v>
          </cell>
          <cell r="L217" t="str">
            <v>Changed ownership to LBB 7 Dec~08</v>
          </cell>
        </row>
        <row r="218">
          <cell r="A218" t="str">
            <v>6G300</v>
          </cell>
          <cell r="B218" t="str">
            <v>DK04DXM</v>
          </cell>
          <cell r="C218" t="str">
            <v>Street Scene - Refuse</v>
          </cell>
          <cell r="D218">
            <v>38056</v>
          </cell>
          <cell r="E218" t="str">
            <v>Barnet Owned</v>
          </cell>
          <cell r="F218">
            <v>10655</v>
          </cell>
          <cell r="G218" t="str">
            <v>Barnet Owned</v>
          </cell>
          <cell r="H218" t="str">
            <v>N/A</v>
          </cell>
          <cell r="I218" t="str">
            <v>Mercedes  Econic RotaPress c/w Terberg Split lift</v>
          </cell>
          <cell r="J218">
            <v>60000</v>
          </cell>
        </row>
        <row r="219">
          <cell r="A219" t="str">
            <v>6G301</v>
          </cell>
          <cell r="B219" t="str">
            <v>DK54GVJ</v>
          </cell>
          <cell r="C219" t="str">
            <v>Street Scene - Refuse</v>
          </cell>
          <cell r="D219">
            <v>38253</v>
          </cell>
          <cell r="E219" t="str">
            <v>Barnet Owned</v>
          </cell>
          <cell r="F219">
            <v>10655</v>
          </cell>
          <cell r="G219" t="str">
            <v>Barnet Owned</v>
          </cell>
          <cell r="H219" t="str">
            <v>N/A</v>
          </cell>
          <cell r="I219" t="str">
            <v>Mercedes  Econic RotaPress c/w Terberg Split lift</v>
          </cell>
          <cell r="J219">
            <v>60000</v>
          </cell>
        </row>
        <row r="220">
          <cell r="A220" t="str">
            <v>6G302</v>
          </cell>
          <cell r="B220" t="str">
            <v>DK54NNW</v>
          </cell>
          <cell r="C220" t="str">
            <v>Street Scene - Refuse</v>
          </cell>
          <cell r="D220">
            <v>38372</v>
          </cell>
          <cell r="E220" t="str">
            <v>Barnet Owned</v>
          </cell>
          <cell r="F220">
            <v>10655</v>
          </cell>
          <cell r="G220" t="str">
            <v>Barnet Owned</v>
          </cell>
          <cell r="H220" t="str">
            <v>N/A</v>
          </cell>
          <cell r="I220" t="str">
            <v>Mercedes  Econic RotaPress c/w Terberg Split lift</v>
          </cell>
          <cell r="J220">
            <v>60000</v>
          </cell>
        </row>
        <row r="221">
          <cell r="A221" t="str">
            <v>6G303</v>
          </cell>
          <cell r="B221" t="str">
            <v>DK54NNX</v>
          </cell>
          <cell r="C221" t="str">
            <v>Street Scene - Refuse</v>
          </cell>
          <cell r="D221">
            <v>38372</v>
          </cell>
          <cell r="E221" t="str">
            <v>Barnet Owned</v>
          </cell>
          <cell r="F221">
            <v>10655</v>
          </cell>
          <cell r="G221" t="str">
            <v>Barnet Owned</v>
          </cell>
          <cell r="H221" t="str">
            <v>N/A</v>
          </cell>
          <cell r="I221" t="str">
            <v>Mercedes  Econic RotaPress c/w Terberg Split lift</v>
          </cell>
          <cell r="J221">
            <v>60000</v>
          </cell>
        </row>
        <row r="222">
          <cell r="A222" t="str">
            <v>6G304</v>
          </cell>
          <cell r="B222" t="str">
            <v>DK54NNV</v>
          </cell>
          <cell r="C222" t="str">
            <v>Street Scene - Refuse</v>
          </cell>
          <cell r="D222">
            <v>38373</v>
          </cell>
          <cell r="E222" t="str">
            <v>Barnet Owned</v>
          </cell>
          <cell r="F222">
            <v>10655</v>
          </cell>
          <cell r="G222" t="str">
            <v>Barnet Owned</v>
          </cell>
          <cell r="H222" t="str">
            <v>N/A</v>
          </cell>
          <cell r="I222" t="str">
            <v>Mercedes  Econic RotaPress c/w Terberg Split lift</v>
          </cell>
          <cell r="J222">
            <v>60000</v>
          </cell>
        </row>
        <row r="223">
          <cell r="A223" t="str">
            <v>6G305</v>
          </cell>
          <cell r="B223" t="str">
            <v>WX55AUH</v>
          </cell>
          <cell r="C223" t="str">
            <v>Street Scene - Refuse</v>
          </cell>
          <cell r="D223">
            <v>38608</v>
          </cell>
          <cell r="E223">
            <v>40434</v>
          </cell>
          <cell r="F223">
            <v>10655</v>
          </cell>
          <cell r="G223" t="str">
            <v>Lease</v>
          </cell>
          <cell r="H223" t="str">
            <v>SFS</v>
          </cell>
          <cell r="I223" t="str">
            <v>Mercedes  Econic RotaPress c/w Terberg Split lift</v>
          </cell>
          <cell r="J223">
            <v>70000</v>
          </cell>
        </row>
        <row r="224">
          <cell r="A224" t="str">
            <v>6G306</v>
          </cell>
          <cell r="B224" t="str">
            <v>WX55AUJ</v>
          </cell>
          <cell r="C224" t="str">
            <v>Street Scene - Refuse</v>
          </cell>
          <cell r="D224">
            <v>38600</v>
          </cell>
          <cell r="E224">
            <v>40426</v>
          </cell>
          <cell r="F224">
            <v>10655</v>
          </cell>
          <cell r="G224" t="str">
            <v>Lease</v>
          </cell>
          <cell r="H224" t="str">
            <v>SFS</v>
          </cell>
          <cell r="I224" t="str">
            <v>Mercedes  Econic RotaPress c/w Terberg Split lift</v>
          </cell>
          <cell r="J224">
            <v>70000</v>
          </cell>
        </row>
        <row r="225">
          <cell r="A225" t="str">
            <v>6R001</v>
          </cell>
          <cell r="B225" t="str">
            <v>VN58GHV</v>
          </cell>
          <cell r="C225" t="str">
            <v>Street Scene - Refuse</v>
          </cell>
          <cell r="E225">
            <v>40926</v>
          </cell>
          <cell r="F225">
            <v>10655</v>
          </cell>
          <cell r="G225" t="str">
            <v>Lease</v>
          </cell>
          <cell r="H225" t="str">
            <v>GPL</v>
          </cell>
          <cell r="I225" t="str">
            <v>Dennis 26tonne c/w Terberg Split lift</v>
          </cell>
        </row>
        <row r="226">
          <cell r="A226" t="str">
            <v>6R002</v>
          </cell>
          <cell r="B226" t="str">
            <v>VN58GHX</v>
          </cell>
          <cell r="C226" t="str">
            <v>Street Scene - Refuse</v>
          </cell>
          <cell r="E226">
            <v>40926</v>
          </cell>
          <cell r="F226">
            <v>10655</v>
          </cell>
          <cell r="G226" t="str">
            <v>Lease</v>
          </cell>
          <cell r="H226" t="str">
            <v>GPL</v>
          </cell>
          <cell r="I226" t="str">
            <v>Dennis 26tonne c/w Terberg Split lift</v>
          </cell>
        </row>
        <row r="227">
          <cell r="A227" t="str">
            <v>6R003</v>
          </cell>
          <cell r="B227" t="str">
            <v>VN58GHY</v>
          </cell>
          <cell r="C227" t="str">
            <v>Street Scene - Refuse</v>
          </cell>
          <cell r="E227">
            <v>40926</v>
          </cell>
          <cell r="F227">
            <v>10655</v>
          </cell>
          <cell r="G227" t="str">
            <v>Lease</v>
          </cell>
          <cell r="H227" t="str">
            <v>GPL</v>
          </cell>
          <cell r="I227" t="str">
            <v>Dennis 26tonne c/w Terberg Split lift</v>
          </cell>
        </row>
        <row r="228">
          <cell r="A228" t="str">
            <v>6R004</v>
          </cell>
          <cell r="B228" t="str">
            <v>VN58GHZ</v>
          </cell>
          <cell r="C228" t="str">
            <v>Street Scene - Refuse</v>
          </cell>
          <cell r="E228">
            <v>40926</v>
          </cell>
          <cell r="F228">
            <v>10655</v>
          </cell>
          <cell r="G228" t="str">
            <v>Lease</v>
          </cell>
          <cell r="H228" t="str">
            <v>GPL</v>
          </cell>
          <cell r="I228" t="str">
            <v>Dennis 26tonne c/w Terberg Split lift</v>
          </cell>
        </row>
        <row r="229">
          <cell r="A229" t="str">
            <v>6R005</v>
          </cell>
          <cell r="B229" t="str">
            <v>VN58GJE</v>
          </cell>
          <cell r="C229" t="str">
            <v>Street Scene - Refuse</v>
          </cell>
          <cell r="E229">
            <v>40926</v>
          </cell>
          <cell r="F229">
            <v>10655</v>
          </cell>
          <cell r="G229" t="str">
            <v>Lease</v>
          </cell>
          <cell r="H229" t="str">
            <v>GPL</v>
          </cell>
          <cell r="I229" t="str">
            <v>Dennis 26tonne c/w Terberg Split lift</v>
          </cell>
        </row>
        <row r="230">
          <cell r="A230" t="str">
            <v>6R006</v>
          </cell>
          <cell r="B230" t="str">
            <v>VK58JLO</v>
          </cell>
          <cell r="C230" t="str">
            <v>Street Scene - Refuse</v>
          </cell>
          <cell r="D230">
            <v>39741</v>
          </cell>
          <cell r="E230">
            <v>40845</v>
          </cell>
          <cell r="F230">
            <v>10655</v>
          </cell>
          <cell r="G230" t="str">
            <v>Lease</v>
          </cell>
          <cell r="H230" t="str">
            <v>GPL</v>
          </cell>
          <cell r="I230" t="str">
            <v>Dennis 26tonne c/w Terberg Omni Del</v>
          </cell>
        </row>
        <row r="231">
          <cell r="A231" t="str">
            <v>6R007</v>
          </cell>
          <cell r="B231" t="str">
            <v>VN58GJF</v>
          </cell>
          <cell r="C231" t="str">
            <v>Street Scene - Refuse</v>
          </cell>
          <cell r="D231">
            <v>39832</v>
          </cell>
          <cell r="E231">
            <v>40926</v>
          </cell>
          <cell r="F231">
            <v>10655</v>
          </cell>
          <cell r="G231" t="str">
            <v>Lease</v>
          </cell>
          <cell r="H231" t="str">
            <v>GPL</v>
          </cell>
          <cell r="I231" t="str">
            <v>Dennis 26tonne c/w Terberg Omni Del</v>
          </cell>
        </row>
        <row r="232">
          <cell r="A232" t="str">
            <v>6R008</v>
          </cell>
          <cell r="B232" t="str">
            <v>VN58GJG</v>
          </cell>
          <cell r="C232" t="str">
            <v>Street Scene - Refuse</v>
          </cell>
          <cell r="D232">
            <v>39832</v>
          </cell>
          <cell r="E232">
            <v>40926</v>
          </cell>
          <cell r="F232">
            <v>10655</v>
          </cell>
          <cell r="G232" t="str">
            <v>Lease</v>
          </cell>
          <cell r="H232" t="str">
            <v>GPL</v>
          </cell>
          <cell r="I232" t="str">
            <v>Dennis 26tonne c/w Terberg Omni Del</v>
          </cell>
        </row>
        <row r="233">
          <cell r="A233" t="str">
            <v>6R009</v>
          </cell>
          <cell r="B233" t="str">
            <v>VN58GJK</v>
          </cell>
          <cell r="C233" t="str">
            <v>Street Scene - Refuse</v>
          </cell>
          <cell r="D233">
            <v>39839</v>
          </cell>
          <cell r="E233">
            <v>40933</v>
          </cell>
          <cell r="F233">
            <v>10655</v>
          </cell>
          <cell r="G233" t="str">
            <v>Lease</v>
          </cell>
          <cell r="H233" t="str">
            <v>GPL</v>
          </cell>
          <cell r="I233" t="str">
            <v>Dennis 26tonne c/w Terberg Omni Del</v>
          </cell>
        </row>
        <row r="234">
          <cell r="A234" t="str">
            <v>6R010</v>
          </cell>
          <cell r="B234" t="str">
            <v>VN58GJJ</v>
          </cell>
          <cell r="C234" t="str">
            <v>Street Scene - Refuse</v>
          </cell>
          <cell r="D234">
            <v>39839</v>
          </cell>
          <cell r="E234">
            <v>40933</v>
          </cell>
          <cell r="F234">
            <v>10655</v>
          </cell>
          <cell r="G234" t="str">
            <v>Lease</v>
          </cell>
          <cell r="H234" t="str">
            <v>GPL</v>
          </cell>
          <cell r="I234" t="str">
            <v>Dennis 26tonne c/w Terberg Omni Del</v>
          </cell>
        </row>
        <row r="235">
          <cell r="A235" t="str">
            <v>6R011</v>
          </cell>
          <cell r="B235" t="str">
            <v>VN58GJO</v>
          </cell>
          <cell r="C235" t="str">
            <v>Street Scene - Refuse</v>
          </cell>
          <cell r="D235">
            <v>39846</v>
          </cell>
          <cell r="E235">
            <v>40940</v>
          </cell>
          <cell r="F235">
            <v>10655</v>
          </cell>
          <cell r="G235" t="str">
            <v>Lease</v>
          </cell>
          <cell r="H235" t="str">
            <v>GPL</v>
          </cell>
          <cell r="I235" t="str">
            <v>Dennis 26tonne c/w Terberg Omni Del</v>
          </cell>
        </row>
        <row r="236">
          <cell r="A236" t="str">
            <v>6R012</v>
          </cell>
          <cell r="B236" t="str">
            <v>VN58GJU</v>
          </cell>
          <cell r="C236" t="str">
            <v>Street Scene - Refuse</v>
          </cell>
          <cell r="D236">
            <v>39846</v>
          </cell>
          <cell r="E236">
            <v>40940</v>
          </cell>
          <cell r="F236">
            <v>10655</v>
          </cell>
          <cell r="G236" t="str">
            <v>Lease</v>
          </cell>
          <cell r="H236" t="str">
            <v>GPL</v>
          </cell>
          <cell r="I236" t="str">
            <v>Dennis 26tonne c/w Terberg Omni Del</v>
          </cell>
        </row>
        <row r="237">
          <cell r="A237" t="str">
            <v>6R013</v>
          </cell>
          <cell r="B237" t="str">
            <v>VN58GJV</v>
          </cell>
          <cell r="C237" t="str">
            <v>Street Scene - Refuse</v>
          </cell>
          <cell r="D237">
            <v>39846</v>
          </cell>
          <cell r="E237">
            <v>40940</v>
          </cell>
          <cell r="F237">
            <v>10655</v>
          </cell>
          <cell r="G237" t="str">
            <v>Lease</v>
          </cell>
          <cell r="H237" t="str">
            <v>GPL</v>
          </cell>
          <cell r="I237" t="str">
            <v>Dennis 26tonne c/w Terberg Omni Del</v>
          </cell>
        </row>
        <row r="238">
          <cell r="A238" t="str">
            <v>6R014</v>
          </cell>
          <cell r="B238" t="str">
            <v>VN58GJX</v>
          </cell>
          <cell r="C238" t="str">
            <v>Street Scene - Refuse</v>
          </cell>
          <cell r="D238">
            <v>39846</v>
          </cell>
          <cell r="E238">
            <v>40940</v>
          </cell>
          <cell r="F238">
            <v>10655</v>
          </cell>
          <cell r="G238" t="str">
            <v>Lease</v>
          </cell>
          <cell r="H238" t="str">
            <v>GPL</v>
          </cell>
          <cell r="I238" t="str">
            <v>Dennis 26tonne c/w Terberg Omni Del</v>
          </cell>
        </row>
        <row r="239">
          <cell r="A239" t="str">
            <v>6R015</v>
          </cell>
          <cell r="B239" t="str">
            <v>VN58GJY</v>
          </cell>
          <cell r="C239" t="str">
            <v>Street Scene - Refuse</v>
          </cell>
          <cell r="D239">
            <v>39853</v>
          </cell>
          <cell r="E239">
            <v>40954</v>
          </cell>
          <cell r="F239">
            <v>10655</v>
          </cell>
          <cell r="G239" t="str">
            <v>Lease</v>
          </cell>
          <cell r="H239" t="str">
            <v>GPL</v>
          </cell>
          <cell r="I239" t="str">
            <v>Dennis 26tonne c/w Terberg Omni Del</v>
          </cell>
        </row>
        <row r="240">
          <cell r="A240" t="str">
            <v>6R016</v>
          </cell>
          <cell r="B240" t="str">
            <v>VN58GJZ</v>
          </cell>
          <cell r="C240" t="str">
            <v>Street Scene - Refuse</v>
          </cell>
          <cell r="D240">
            <v>39846</v>
          </cell>
          <cell r="E240">
            <v>40940</v>
          </cell>
          <cell r="F240">
            <v>10655</v>
          </cell>
          <cell r="G240" t="str">
            <v>Lease</v>
          </cell>
          <cell r="H240" t="str">
            <v>GPL</v>
          </cell>
          <cell r="I240" t="str">
            <v>Dennis 26tonne c/w Terberg Omni Del</v>
          </cell>
        </row>
        <row r="241">
          <cell r="A241" t="str">
            <v>6R017</v>
          </cell>
          <cell r="B241" t="str">
            <v>VE58CVJ</v>
          </cell>
          <cell r="C241" t="str">
            <v>Street Scene - Refuse</v>
          </cell>
          <cell r="D241">
            <v>39849</v>
          </cell>
          <cell r="E241">
            <v>40947</v>
          </cell>
          <cell r="F241">
            <v>10655</v>
          </cell>
          <cell r="G241" t="str">
            <v>Lease</v>
          </cell>
          <cell r="H241" t="str">
            <v>GPL</v>
          </cell>
          <cell r="I241" t="str">
            <v>Dennis 26tonne c/w Terberg Omni Del</v>
          </cell>
        </row>
        <row r="242">
          <cell r="A242" t="str">
            <v>6R018</v>
          </cell>
          <cell r="B242" t="str">
            <v>VE58CVK</v>
          </cell>
          <cell r="C242" t="str">
            <v>Street Scene - Refuse</v>
          </cell>
          <cell r="D242">
            <v>39851</v>
          </cell>
          <cell r="E242">
            <v>40954</v>
          </cell>
          <cell r="F242">
            <v>10655</v>
          </cell>
          <cell r="G242" t="str">
            <v>Lease</v>
          </cell>
          <cell r="H242" t="str">
            <v>GPL</v>
          </cell>
          <cell r="I242" t="str">
            <v>Dennis 26tonne c/w Terberg Omni Del</v>
          </cell>
        </row>
        <row r="243">
          <cell r="A243" t="str">
            <v>6R019</v>
          </cell>
          <cell r="B243" t="str">
            <v>VE58CVL</v>
          </cell>
          <cell r="C243" t="str">
            <v>Street Scene - Refuse</v>
          </cell>
          <cell r="D243">
            <v>39853</v>
          </cell>
          <cell r="E243">
            <v>40954</v>
          </cell>
          <cell r="F243">
            <v>10655</v>
          </cell>
          <cell r="G243" t="str">
            <v>Lease</v>
          </cell>
          <cell r="H243" t="str">
            <v>GPL</v>
          </cell>
          <cell r="I243" t="str">
            <v>Dennis 26tonne c/w Terberg Omni Del</v>
          </cell>
        </row>
        <row r="244">
          <cell r="A244" t="str">
            <v>7G001</v>
          </cell>
          <cell r="B244" t="str">
            <v>KX51XXA</v>
          </cell>
          <cell r="C244" t="str">
            <v>Highway Maintenance (10938)</v>
          </cell>
          <cell r="D244">
            <v>37165</v>
          </cell>
          <cell r="E244">
            <v>40817</v>
          </cell>
          <cell r="F244">
            <v>10620</v>
          </cell>
          <cell r="G244" t="str">
            <v>Lease</v>
          </cell>
          <cell r="H244" t="str">
            <v>SFS</v>
          </cell>
          <cell r="I244" t="str">
            <v>Iveco 180E27 c/w Whale Gritter Body</v>
          </cell>
          <cell r="J244">
            <v>17500</v>
          </cell>
        </row>
        <row r="245">
          <cell r="A245" t="str">
            <v>7G002</v>
          </cell>
          <cell r="B245" t="str">
            <v>KX51XXB</v>
          </cell>
          <cell r="C245" t="str">
            <v>Highway Maintenance (10938)</v>
          </cell>
          <cell r="D245">
            <v>37165</v>
          </cell>
          <cell r="E245">
            <v>40817</v>
          </cell>
          <cell r="F245">
            <v>10620</v>
          </cell>
          <cell r="G245" t="str">
            <v>Lease</v>
          </cell>
          <cell r="H245" t="str">
            <v>SFS</v>
          </cell>
          <cell r="I245" t="str">
            <v>Iveco 180E27 c/w Whale Gritter Body</v>
          </cell>
          <cell r="J245">
            <v>17500</v>
          </cell>
        </row>
        <row r="246">
          <cell r="A246" t="str">
            <v>7G003</v>
          </cell>
          <cell r="B246" t="str">
            <v>KX51XXC</v>
          </cell>
          <cell r="C246" t="str">
            <v>Highway Maintenance (10938)</v>
          </cell>
          <cell r="D246">
            <v>37165</v>
          </cell>
          <cell r="E246">
            <v>40817</v>
          </cell>
          <cell r="F246">
            <v>10620</v>
          </cell>
          <cell r="G246" t="str">
            <v>Lease</v>
          </cell>
          <cell r="H246" t="str">
            <v>SFS</v>
          </cell>
          <cell r="I246" t="str">
            <v>Iveco 180E27 c/w Whale Gritter Body</v>
          </cell>
          <cell r="J246">
            <v>17500</v>
          </cell>
        </row>
        <row r="247">
          <cell r="A247" t="str">
            <v>7G004</v>
          </cell>
          <cell r="B247" t="str">
            <v>KX51XXD</v>
          </cell>
          <cell r="C247" t="str">
            <v>Highway Maintenance (10938)</v>
          </cell>
          <cell r="D247">
            <v>37165</v>
          </cell>
          <cell r="E247">
            <v>40817</v>
          </cell>
          <cell r="F247">
            <v>10620</v>
          </cell>
          <cell r="G247" t="str">
            <v>Lease</v>
          </cell>
          <cell r="H247" t="str">
            <v>SFS</v>
          </cell>
          <cell r="I247" t="str">
            <v>Iveco 180E27 c/w Whale Gritter Body</v>
          </cell>
          <cell r="J247">
            <v>17500</v>
          </cell>
        </row>
        <row r="248">
          <cell r="A248" t="str">
            <v>7G005</v>
          </cell>
          <cell r="B248" t="str">
            <v>KX51XXE</v>
          </cell>
          <cell r="C248" t="str">
            <v>Highway Maintenance (10938)</v>
          </cell>
          <cell r="D248">
            <v>37165</v>
          </cell>
          <cell r="E248">
            <v>40817</v>
          </cell>
          <cell r="F248">
            <v>10620</v>
          </cell>
          <cell r="G248" t="str">
            <v>Lease</v>
          </cell>
          <cell r="H248" t="str">
            <v>SFS</v>
          </cell>
          <cell r="I248" t="str">
            <v>Iveco 180E27 c/w Whale Gritter Body</v>
          </cell>
          <cell r="J248">
            <v>17500</v>
          </cell>
        </row>
        <row r="249">
          <cell r="A249" t="str">
            <v>7G006</v>
          </cell>
          <cell r="B249" t="str">
            <v>KX51XXF</v>
          </cell>
          <cell r="C249" t="str">
            <v>Highway Maintenance (10938)</v>
          </cell>
          <cell r="D249">
            <v>37165</v>
          </cell>
          <cell r="E249">
            <v>40817</v>
          </cell>
          <cell r="F249">
            <v>10620</v>
          </cell>
          <cell r="G249" t="str">
            <v>Lease</v>
          </cell>
          <cell r="H249" t="str">
            <v>SFS</v>
          </cell>
          <cell r="I249" t="str">
            <v>Iveco 180E27 c/w Whale Gritter Body</v>
          </cell>
          <cell r="J249">
            <v>17500</v>
          </cell>
        </row>
        <row r="250">
          <cell r="A250" t="str">
            <v>7G007</v>
          </cell>
          <cell r="B250" t="str">
            <v>KX51XXG</v>
          </cell>
          <cell r="C250" t="str">
            <v>Highway Maintenance (10938)</v>
          </cell>
          <cell r="D250">
            <v>37165</v>
          </cell>
          <cell r="E250">
            <v>40817</v>
          </cell>
          <cell r="F250">
            <v>10620</v>
          </cell>
          <cell r="G250" t="str">
            <v>Lease</v>
          </cell>
          <cell r="H250" t="str">
            <v>SFS</v>
          </cell>
          <cell r="I250" t="str">
            <v>Iveco 180E27 c/w Whale Gritter Body</v>
          </cell>
          <cell r="J250">
            <v>17500</v>
          </cell>
        </row>
        <row r="251">
          <cell r="A251" t="str">
            <v>7G008</v>
          </cell>
          <cell r="B251" t="str">
            <v>KX51XXH</v>
          </cell>
          <cell r="C251" t="str">
            <v>Highway Maintenance (10938)</v>
          </cell>
          <cell r="D251">
            <v>37165</v>
          </cell>
          <cell r="E251">
            <v>40817</v>
          </cell>
          <cell r="F251">
            <v>10620</v>
          </cell>
          <cell r="G251" t="str">
            <v>Lease</v>
          </cell>
          <cell r="H251" t="str">
            <v>SFS</v>
          </cell>
          <cell r="I251" t="str">
            <v>Iveco 180E27 c/w Whale Gritter Body</v>
          </cell>
          <cell r="J251">
            <v>17500</v>
          </cell>
        </row>
        <row r="252">
          <cell r="A252" t="str">
            <v>7G009</v>
          </cell>
          <cell r="B252" t="str">
            <v>KX51XXJ</v>
          </cell>
          <cell r="C252" t="str">
            <v>Highway Maintenance (10938)</v>
          </cell>
          <cell r="D252">
            <v>37165</v>
          </cell>
          <cell r="E252">
            <v>40817</v>
          </cell>
          <cell r="F252">
            <v>10620</v>
          </cell>
          <cell r="G252" t="str">
            <v>Lease</v>
          </cell>
          <cell r="H252" t="str">
            <v>SFS</v>
          </cell>
          <cell r="I252" t="str">
            <v>Iveco 180E27 c/w Whale Gritter Body</v>
          </cell>
          <cell r="J252">
            <v>17500</v>
          </cell>
        </row>
        <row r="253">
          <cell r="A253" t="str">
            <v>7L001</v>
          </cell>
          <cell r="B253" t="str">
            <v>KU52LCN</v>
          </cell>
          <cell r="C253" t="str">
            <v>Libraries Moblie Services</v>
          </cell>
          <cell r="D253">
            <v>37518</v>
          </cell>
          <cell r="E253">
            <v>41171</v>
          </cell>
          <cell r="F253">
            <v>10362</v>
          </cell>
          <cell r="G253" t="str">
            <v>Lease</v>
          </cell>
          <cell r="H253" t="str">
            <v>SFS</v>
          </cell>
          <cell r="I253" t="str">
            <v xml:space="preserve">Iveco 75E17 Library </v>
          </cell>
          <cell r="J253">
            <v>25000</v>
          </cell>
        </row>
        <row r="254">
          <cell r="A254" t="str">
            <v>7S010</v>
          </cell>
          <cell r="B254" t="str">
            <v>GN06LUW</v>
          </cell>
          <cell r="C254" t="str">
            <v>Street Scene - Cleansing</v>
          </cell>
          <cell r="D254">
            <v>38895</v>
          </cell>
          <cell r="E254">
            <v>40720</v>
          </cell>
          <cell r="F254">
            <v>10652</v>
          </cell>
          <cell r="G254" t="str">
            <v>Lease</v>
          </cell>
          <cell r="H254" t="str">
            <v>SFS</v>
          </cell>
          <cell r="I254" t="str">
            <v>Scarab Minor Road Sweeper</v>
          </cell>
          <cell r="J254">
            <v>35000</v>
          </cell>
        </row>
        <row r="255">
          <cell r="A255" t="str">
            <v>7S011</v>
          </cell>
          <cell r="B255" t="str">
            <v>GN06LUY</v>
          </cell>
          <cell r="C255" t="str">
            <v>Street Scene - Cleansing</v>
          </cell>
          <cell r="D255">
            <v>38895</v>
          </cell>
          <cell r="E255">
            <v>40720</v>
          </cell>
          <cell r="F255">
            <v>10652</v>
          </cell>
          <cell r="G255" t="str">
            <v>Lease</v>
          </cell>
          <cell r="H255" t="str">
            <v>SFS</v>
          </cell>
          <cell r="I255" t="str">
            <v>Scarab Minor Road Sweeper</v>
          </cell>
          <cell r="J255">
            <v>35000</v>
          </cell>
        </row>
        <row r="256">
          <cell r="A256" t="str">
            <v>7S012</v>
          </cell>
          <cell r="B256" t="str">
            <v>GN06LUZ</v>
          </cell>
          <cell r="C256" t="str">
            <v>Street Scene - Cleansing</v>
          </cell>
          <cell r="D256">
            <v>38895</v>
          </cell>
          <cell r="E256">
            <v>40720</v>
          </cell>
          <cell r="F256">
            <v>10652</v>
          </cell>
          <cell r="G256" t="str">
            <v>Lease</v>
          </cell>
          <cell r="H256" t="str">
            <v>SFS</v>
          </cell>
          <cell r="I256" t="str">
            <v>Scarab Minor Road Sweeper</v>
          </cell>
          <cell r="J256">
            <v>35000</v>
          </cell>
        </row>
        <row r="257">
          <cell r="A257" t="str">
            <v>7S013</v>
          </cell>
          <cell r="B257" t="str">
            <v>RX57FLB</v>
          </cell>
          <cell r="C257" t="str">
            <v>Street Scene - Cleansing</v>
          </cell>
          <cell r="D257">
            <v>39339</v>
          </cell>
          <cell r="E257" t="str">
            <v>Barnet Owned</v>
          </cell>
          <cell r="F257">
            <v>10652</v>
          </cell>
          <cell r="G257" t="str">
            <v>Barnet Owned</v>
          </cell>
          <cell r="H257" t="str">
            <v>N/A</v>
          </cell>
          <cell r="I257" t="str">
            <v>Scarab Magnum 15 tonne</v>
          </cell>
          <cell r="J257">
            <v>80000</v>
          </cell>
        </row>
        <row r="258">
          <cell r="A258" t="str">
            <v>7S014</v>
          </cell>
          <cell r="B258" t="str">
            <v>RX58EVP</v>
          </cell>
          <cell r="C258" t="str">
            <v>Street Scene - Cleansing</v>
          </cell>
          <cell r="D258">
            <v>39765</v>
          </cell>
          <cell r="E258" t="str">
            <v>Barnet Owned</v>
          </cell>
          <cell r="F258">
            <v>10652</v>
          </cell>
          <cell r="G258" t="str">
            <v>Barnet Owned</v>
          </cell>
          <cell r="H258" t="str">
            <v>N/A</v>
          </cell>
          <cell r="I258" t="str">
            <v>Iveco Eurocargo Scarab MerlinXP Sweeper</v>
          </cell>
          <cell r="J258">
            <v>2000</v>
          </cell>
        </row>
        <row r="259">
          <cell r="A259" t="str">
            <v>7S015</v>
          </cell>
          <cell r="B259" t="str">
            <v>RX58EUY</v>
          </cell>
          <cell r="C259" t="str">
            <v>Street Scene - Cleansing</v>
          </cell>
          <cell r="D259">
            <v>39797</v>
          </cell>
          <cell r="E259">
            <v>41623</v>
          </cell>
          <cell r="F259">
            <v>10652</v>
          </cell>
          <cell r="G259" t="str">
            <v>Lease</v>
          </cell>
          <cell r="H259" t="str">
            <v>GPL</v>
          </cell>
          <cell r="I259" t="str">
            <v>Iveco Eurocargo Scarab MerlinXP Sweeper</v>
          </cell>
          <cell r="J259">
            <v>300</v>
          </cell>
        </row>
        <row r="260">
          <cell r="A260" t="str">
            <v>7S833</v>
          </cell>
          <cell r="B260" t="str">
            <v>P715JVK</v>
          </cell>
          <cell r="C260" t="str">
            <v>Street Scene - Cleansing</v>
          </cell>
          <cell r="D260">
            <v>35285</v>
          </cell>
          <cell r="E260" t="str">
            <v>Barnet Owned</v>
          </cell>
          <cell r="F260">
            <v>10652</v>
          </cell>
          <cell r="G260" t="str">
            <v>Barnet Owned</v>
          </cell>
          <cell r="H260" t="str">
            <v>N/A</v>
          </cell>
          <cell r="I260" t="str">
            <v>Johnson 600 sweeper</v>
          </cell>
          <cell r="J260">
            <v>2000</v>
          </cell>
        </row>
        <row r="261">
          <cell r="A261" t="str">
            <v>7S851</v>
          </cell>
          <cell r="B261" t="str">
            <v>N/A</v>
          </cell>
          <cell r="C261" t="str">
            <v>Street Scene - Cleansing</v>
          </cell>
          <cell r="D261">
            <v>38393</v>
          </cell>
          <cell r="E261" t="str">
            <v>Barnet Owned</v>
          </cell>
          <cell r="F261">
            <v>10652</v>
          </cell>
          <cell r="G261" t="str">
            <v>Barnet Owned</v>
          </cell>
          <cell r="H261" t="str">
            <v>N/A</v>
          </cell>
          <cell r="I261" t="str">
            <v>Applied Sweeper</v>
          </cell>
          <cell r="J261">
            <v>2000</v>
          </cell>
        </row>
        <row r="262">
          <cell r="A262" t="str">
            <v>7S852</v>
          </cell>
          <cell r="B262" t="str">
            <v>N/A</v>
          </cell>
          <cell r="C262" t="str">
            <v>Street Scene - Cleansing</v>
          </cell>
          <cell r="D262">
            <v>38393</v>
          </cell>
          <cell r="E262" t="str">
            <v>Barnet Owned</v>
          </cell>
          <cell r="F262">
            <v>10652</v>
          </cell>
          <cell r="G262" t="str">
            <v>Barnet Owned</v>
          </cell>
          <cell r="H262" t="str">
            <v>N/A</v>
          </cell>
          <cell r="I262" t="str">
            <v>Applied Sweeper</v>
          </cell>
          <cell r="J262">
            <v>2000</v>
          </cell>
        </row>
        <row r="263">
          <cell r="A263" t="str">
            <v>7S853</v>
          </cell>
          <cell r="B263" t="str">
            <v>N/A</v>
          </cell>
          <cell r="C263" t="str">
            <v>Street Scene - Cleansing</v>
          </cell>
          <cell r="D263">
            <v>38393</v>
          </cell>
          <cell r="E263" t="str">
            <v>Barnet Owned</v>
          </cell>
          <cell r="F263">
            <v>10652</v>
          </cell>
          <cell r="G263" t="str">
            <v>Barnet Owned</v>
          </cell>
          <cell r="H263" t="str">
            <v>N/A</v>
          </cell>
          <cell r="I263" t="str">
            <v>Applied Sweeper</v>
          </cell>
          <cell r="J263">
            <v>2000</v>
          </cell>
        </row>
        <row r="264">
          <cell r="A264" t="str">
            <v>7S854</v>
          </cell>
          <cell r="B264" t="str">
            <v>N/A</v>
          </cell>
          <cell r="C264" t="str">
            <v>Street Scene - Cleansing</v>
          </cell>
          <cell r="D264">
            <v>38393</v>
          </cell>
          <cell r="E264" t="str">
            <v>Barnet Owned</v>
          </cell>
          <cell r="F264">
            <v>10652</v>
          </cell>
          <cell r="G264" t="str">
            <v>Barnet Owned</v>
          </cell>
          <cell r="H264" t="str">
            <v>N/A</v>
          </cell>
          <cell r="I264" t="str">
            <v>Applied Sweeper</v>
          </cell>
          <cell r="J264">
            <v>2000</v>
          </cell>
        </row>
        <row r="265">
          <cell r="A265" t="str">
            <v>7S855</v>
          </cell>
          <cell r="B265" t="str">
            <v>N/A</v>
          </cell>
          <cell r="C265" t="str">
            <v>Street Scene - Cleansing</v>
          </cell>
          <cell r="D265">
            <v>38393</v>
          </cell>
          <cell r="E265" t="str">
            <v>Barnet Owned</v>
          </cell>
          <cell r="F265">
            <v>10652</v>
          </cell>
          <cell r="G265" t="str">
            <v>Barnet Owned</v>
          </cell>
          <cell r="H265" t="str">
            <v>N/A</v>
          </cell>
          <cell r="I265" t="str">
            <v>Applied Sweeper</v>
          </cell>
          <cell r="J265">
            <v>2000</v>
          </cell>
        </row>
        <row r="266">
          <cell r="A266" t="str">
            <v>7S856</v>
          </cell>
          <cell r="B266" t="str">
            <v>N/A</v>
          </cell>
          <cell r="C266" t="str">
            <v>Street Scene - Cleansing</v>
          </cell>
          <cell r="D266">
            <v>38393</v>
          </cell>
          <cell r="E266" t="str">
            <v>Barnet Owned</v>
          </cell>
          <cell r="F266">
            <v>10652</v>
          </cell>
          <cell r="G266" t="str">
            <v>Barnet Owned</v>
          </cell>
          <cell r="H266" t="str">
            <v>N/A</v>
          </cell>
          <cell r="I266" t="str">
            <v>Applied Sweeper</v>
          </cell>
          <cell r="J266">
            <v>2000</v>
          </cell>
        </row>
        <row r="267">
          <cell r="A267" t="str">
            <v>7S857</v>
          </cell>
          <cell r="B267" t="str">
            <v>N/A</v>
          </cell>
          <cell r="C267" t="str">
            <v>Street Scene - Cleansing</v>
          </cell>
          <cell r="D267">
            <v>38653</v>
          </cell>
          <cell r="E267" t="str">
            <v>Barnet Owned</v>
          </cell>
          <cell r="F267">
            <v>10652</v>
          </cell>
          <cell r="G267" t="str">
            <v>Barnet Owned</v>
          </cell>
          <cell r="H267" t="str">
            <v>N/A</v>
          </cell>
          <cell r="I267" t="str">
            <v>Applied Sweeper</v>
          </cell>
          <cell r="J267">
            <v>2000</v>
          </cell>
        </row>
        <row r="268">
          <cell r="A268" t="str">
            <v>7S858</v>
          </cell>
          <cell r="B268" t="str">
            <v>N/A</v>
          </cell>
          <cell r="C268" t="str">
            <v>Street Scene - Cleansing</v>
          </cell>
          <cell r="D268">
            <v>38653</v>
          </cell>
          <cell r="E268" t="str">
            <v>Barnet Owned</v>
          </cell>
          <cell r="F268">
            <v>10652</v>
          </cell>
          <cell r="G268" t="str">
            <v>Barnet Owned</v>
          </cell>
          <cell r="H268" t="str">
            <v>N/A</v>
          </cell>
          <cell r="I268" t="str">
            <v>Applied Sweeper</v>
          </cell>
          <cell r="J268">
            <v>2000</v>
          </cell>
        </row>
        <row r="269">
          <cell r="A269" t="str">
            <v>7S859</v>
          </cell>
          <cell r="B269" t="str">
            <v>N/A</v>
          </cell>
          <cell r="C269" t="str">
            <v>Street Scene - Cleansing</v>
          </cell>
          <cell r="D269">
            <v>38653</v>
          </cell>
          <cell r="E269" t="str">
            <v>Barnet Owned</v>
          </cell>
          <cell r="F269">
            <v>10652</v>
          </cell>
          <cell r="G269" t="str">
            <v>Barnet Owned</v>
          </cell>
          <cell r="H269" t="str">
            <v>N/A</v>
          </cell>
          <cell r="I269" t="str">
            <v>Applied Sweeper</v>
          </cell>
          <cell r="J269">
            <v>2000</v>
          </cell>
        </row>
        <row r="270">
          <cell r="A270" t="str">
            <v>7S860</v>
          </cell>
          <cell r="B270" t="str">
            <v>N/A</v>
          </cell>
          <cell r="C270" t="str">
            <v>Street Scene - Cleansing</v>
          </cell>
          <cell r="D270">
            <v>38653</v>
          </cell>
          <cell r="E270" t="str">
            <v>Barnet Owned</v>
          </cell>
          <cell r="F270">
            <v>10652</v>
          </cell>
          <cell r="G270" t="str">
            <v>Barnet Owned</v>
          </cell>
          <cell r="H270" t="str">
            <v>N/A</v>
          </cell>
          <cell r="I270" t="str">
            <v>Applied Sweeper</v>
          </cell>
          <cell r="J270">
            <v>2000</v>
          </cell>
        </row>
        <row r="271">
          <cell r="A271" t="str">
            <v>7S861</v>
          </cell>
          <cell r="B271" t="str">
            <v>N/A</v>
          </cell>
          <cell r="C271" t="str">
            <v>Street Scene - Cleansing</v>
          </cell>
          <cell r="D271">
            <v>38653</v>
          </cell>
          <cell r="E271" t="str">
            <v>Barnet Owned</v>
          </cell>
          <cell r="F271">
            <v>10652</v>
          </cell>
          <cell r="G271" t="str">
            <v>Barnet Owned</v>
          </cell>
          <cell r="H271" t="str">
            <v>N/A</v>
          </cell>
          <cell r="I271" t="str">
            <v>Applied Sweeper</v>
          </cell>
          <cell r="J271">
            <v>2000</v>
          </cell>
        </row>
        <row r="272">
          <cell r="A272" t="str">
            <v>7S862</v>
          </cell>
          <cell r="B272" t="str">
            <v>N/A</v>
          </cell>
          <cell r="C272" t="str">
            <v>Street Scene - Cleansing</v>
          </cell>
          <cell r="D272">
            <v>38653</v>
          </cell>
          <cell r="E272" t="str">
            <v>Barnet Owned</v>
          </cell>
          <cell r="F272">
            <v>10652</v>
          </cell>
          <cell r="G272" t="str">
            <v>Barnet Owned</v>
          </cell>
          <cell r="H272" t="str">
            <v>N/A</v>
          </cell>
          <cell r="I272" t="str">
            <v>Applied Sweeper</v>
          </cell>
          <cell r="J272">
            <v>2000</v>
          </cell>
        </row>
        <row r="273">
          <cell r="A273" t="str">
            <v>7S863</v>
          </cell>
          <cell r="B273" t="str">
            <v>N/A</v>
          </cell>
          <cell r="C273" t="str">
            <v>Street Scene - Cleansing</v>
          </cell>
          <cell r="D273">
            <v>38653</v>
          </cell>
          <cell r="E273" t="str">
            <v>Barnet Owned</v>
          </cell>
          <cell r="F273">
            <v>10652</v>
          </cell>
          <cell r="G273" t="str">
            <v>Barnet Owned</v>
          </cell>
          <cell r="H273" t="str">
            <v>N/A</v>
          </cell>
          <cell r="I273" t="str">
            <v>Applied Sweeper</v>
          </cell>
          <cell r="J273">
            <v>2000</v>
          </cell>
        </row>
        <row r="274">
          <cell r="A274" t="str">
            <v>7S864</v>
          </cell>
          <cell r="B274" t="str">
            <v>N/A</v>
          </cell>
          <cell r="C274" t="str">
            <v>Street Scene - Cleansing</v>
          </cell>
          <cell r="D274">
            <v>38653</v>
          </cell>
          <cell r="E274" t="str">
            <v>Barnet Owned</v>
          </cell>
          <cell r="F274">
            <v>10652</v>
          </cell>
          <cell r="G274" t="str">
            <v>Barnet Owned</v>
          </cell>
          <cell r="H274" t="str">
            <v>N/A</v>
          </cell>
          <cell r="I274" t="str">
            <v>Applied Sweeper</v>
          </cell>
          <cell r="J274">
            <v>2000</v>
          </cell>
        </row>
        <row r="275">
          <cell r="A275" t="str">
            <v>7S865</v>
          </cell>
          <cell r="B275" t="str">
            <v>N/A</v>
          </cell>
          <cell r="C275" t="str">
            <v>Street Scene - Cleansing</v>
          </cell>
          <cell r="D275">
            <v>38653</v>
          </cell>
          <cell r="E275" t="str">
            <v>Barnet Owned</v>
          </cell>
          <cell r="F275">
            <v>10652</v>
          </cell>
          <cell r="G275" t="str">
            <v>Barnet Owned</v>
          </cell>
          <cell r="H275" t="str">
            <v>N/A</v>
          </cell>
          <cell r="I275" t="str">
            <v>Applied Sweeper</v>
          </cell>
          <cell r="J275">
            <v>2000</v>
          </cell>
        </row>
        <row r="276">
          <cell r="A276" t="str">
            <v>7S866</v>
          </cell>
          <cell r="B276" t="str">
            <v>N/A</v>
          </cell>
          <cell r="C276" t="str">
            <v>Street Scene - Cleansing</v>
          </cell>
          <cell r="D276">
            <v>39300</v>
          </cell>
          <cell r="E276" t="str">
            <v>Barnet Owned</v>
          </cell>
          <cell r="F276">
            <v>10652</v>
          </cell>
          <cell r="G276" t="str">
            <v>Barnet Owned</v>
          </cell>
          <cell r="H276" t="str">
            <v>N/A</v>
          </cell>
          <cell r="I276" t="str">
            <v>Applied Sweeper</v>
          </cell>
          <cell r="J276">
            <v>2500</v>
          </cell>
        </row>
        <row r="277">
          <cell r="A277" t="str">
            <v>7S867</v>
          </cell>
          <cell r="B277" t="str">
            <v>N/A</v>
          </cell>
          <cell r="C277" t="str">
            <v>Street Scene - Cleansing</v>
          </cell>
          <cell r="D277">
            <v>39326</v>
          </cell>
          <cell r="E277" t="str">
            <v>Barnet Owned</v>
          </cell>
          <cell r="F277">
            <v>10652</v>
          </cell>
          <cell r="G277" t="str">
            <v>Barnet Owned</v>
          </cell>
          <cell r="H277" t="str">
            <v>N/A</v>
          </cell>
          <cell r="I277" t="str">
            <v>Applied Sweeper</v>
          </cell>
          <cell r="J277">
            <v>2500</v>
          </cell>
        </row>
        <row r="278">
          <cell r="A278" t="str">
            <v>7S868</v>
          </cell>
          <cell r="B278" t="str">
            <v>N/A</v>
          </cell>
          <cell r="C278" t="str">
            <v>Street Scene - Cleansing</v>
          </cell>
          <cell r="D278">
            <v>39326</v>
          </cell>
          <cell r="E278" t="str">
            <v>Barnet Owned</v>
          </cell>
          <cell r="F278">
            <v>10652</v>
          </cell>
          <cell r="G278" t="str">
            <v>Barnet Owned</v>
          </cell>
          <cell r="H278" t="str">
            <v>N/A</v>
          </cell>
          <cell r="I278" t="str">
            <v>Applied Sweeper</v>
          </cell>
          <cell r="J278">
            <v>2500</v>
          </cell>
        </row>
        <row r="279">
          <cell r="A279" t="str">
            <v>7Z010</v>
          </cell>
          <cell r="B279" t="str">
            <v>GN55VVO</v>
          </cell>
          <cell r="C279" t="str">
            <v>Street Scene - Cleansing</v>
          </cell>
          <cell r="D279">
            <v>39981</v>
          </cell>
          <cell r="F279">
            <v>10652</v>
          </cell>
          <cell r="G279" t="str">
            <v>Regular Hire</v>
          </cell>
          <cell r="H279" t="str">
            <v>GPl</v>
          </cell>
          <cell r="I279" t="str">
            <v>Scarab Minor Road Sweeper</v>
          </cell>
          <cell r="L279" t="str">
            <v>Replacing 7S008</v>
          </cell>
        </row>
        <row r="280">
          <cell r="A280" t="str">
            <v>7Z011</v>
          </cell>
          <cell r="B280" t="str">
            <v>GN55VVM</v>
          </cell>
          <cell r="C280" t="str">
            <v>Street Scene - Cleansing</v>
          </cell>
          <cell r="D280">
            <v>39981</v>
          </cell>
          <cell r="F280">
            <v>10652</v>
          </cell>
          <cell r="G280" t="str">
            <v>Regular Hire</v>
          </cell>
          <cell r="H280" t="str">
            <v>GPl</v>
          </cell>
          <cell r="I280" t="str">
            <v>Scarab Minor Road Sweeper</v>
          </cell>
          <cell r="L280" t="str">
            <v>Replacing 7S009</v>
          </cell>
        </row>
        <row r="281">
          <cell r="A281" t="str">
            <v>8S001</v>
          </cell>
          <cell r="B281" t="str">
            <v>N/A</v>
          </cell>
          <cell r="C281" t="str">
            <v>Parks &amp; Open Spaces</v>
          </cell>
          <cell r="D281">
            <v>36956</v>
          </cell>
          <cell r="E281" t="str">
            <v>Barnet Owned</v>
          </cell>
          <cell r="F281">
            <v>10764</v>
          </cell>
          <cell r="G281" t="str">
            <v>Barnet Owned</v>
          </cell>
          <cell r="H281" t="str">
            <v>N/A</v>
          </cell>
          <cell r="I281" t="str">
            <v>Bucket</v>
          </cell>
          <cell r="J281">
            <v>300</v>
          </cell>
        </row>
        <row r="282">
          <cell r="A282" t="str">
            <v>8S002</v>
          </cell>
          <cell r="B282" t="str">
            <v>N/A</v>
          </cell>
          <cell r="C282" t="str">
            <v>Parks &amp; Open Spaces</v>
          </cell>
          <cell r="D282">
            <v>36986</v>
          </cell>
          <cell r="E282" t="str">
            <v>Barnet Owned</v>
          </cell>
          <cell r="F282">
            <v>10764</v>
          </cell>
          <cell r="G282" t="str">
            <v>Barnet Owned</v>
          </cell>
          <cell r="H282" t="str">
            <v>N/A</v>
          </cell>
          <cell r="I282" t="str">
            <v>Bucket</v>
          </cell>
          <cell r="J282">
            <v>300</v>
          </cell>
        </row>
        <row r="283">
          <cell r="A283" t="str">
            <v>8T001</v>
          </cell>
          <cell r="B283" t="str">
            <v>Y212JKX</v>
          </cell>
          <cell r="C283" t="str">
            <v>Parks &amp; Open Spaces</v>
          </cell>
          <cell r="D283">
            <v>37025</v>
          </cell>
          <cell r="E283" t="str">
            <v>Barnet Owned</v>
          </cell>
          <cell r="F283">
            <v>10764</v>
          </cell>
          <cell r="G283" t="str">
            <v>Barnet Owned</v>
          </cell>
          <cell r="H283" t="str">
            <v>N/A</v>
          </cell>
          <cell r="I283" t="str">
            <v>JOHN DEERE 6310 Tractor</v>
          </cell>
          <cell r="J283">
            <v>6000</v>
          </cell>
          <cell r="L283" t="str">
            <v>Changed ownership to LBB 4 Oct~08</v>
          </cell>
        </row>
        <row r="284">
          <cell r="A284" t="str">
            <v>8T002</v>
          </cell>
          <cell r="B284" t="str">
            <v>Y213JKX</v>
          </cell>
          <cell r="C284" t="str">
            <v>Parks &amp; Open Spaces</v>
          </cell>
          <cell r="D284">
            <v>37025</v>
          </cell>
          <cell r="E284" t="str">
            <v>Barnet Owned</v>
          </cell>
          <cell r="F284">
            <v>10764</v>
          </cell>
          <cell r="G284" t="str">
            <v>Barnet Owned</v>
          </cell>
          <cell r="H284" t="str">
            <v>N/A</v>
          </cell>
          <cell r="I284" t="str">
            <v>JOHN DEERE 6310 Tractor</v>
          </cell>
          <cell r="J284">
            <v>6000</v>
          </cell>
          <cell r="L284" t="str">
            <v>Changed ownership to LBB 4 Oct~08</v>
          </cell>
        </row>
        <row r="285">
          <cell r="A285" t="str">
            <v>8T003</v>
          </cell>
          <cell r="B285" t="str">
            <v>Y214JKX</v>
          </cell>
          <cell r="C285" t="str">
            <v>Parks &amp; Open Spaces</v>
          </cell>
          <cell r="D285">
            <v>37025</v>
          </cell>
          <cell r="E285" t="str">
            <v>Barnet Owned</v>
          </cell>
          <cell r="F285">
            <v>10764</v>
          </cell>
          <cell r="G285" t="str">
            <v>Barnet Owned</v>
          </cell>
          <cell r="H285" t="str">
            <v>N/A</v>
          </cell>
          <cell r="I285" t="str">
            <v xml:space="preserve"> J DEERE 3310X  GMP6 TRACTOR </v>
          </cell>
          <cell r="J285">
            <v>6000</v>
          </cell>
          <cell r="L285" t="str">
            <v>Changed ownership to LBB 4 Oct~08</v>
          </cell>
        </row>
        <row r="286">
          <cell r="A286" t="str">
            <v>8T004</v>
          </cell>
          <cell r="B286" t="str">
            <v>Y215JKX</v>
          </cell>
          <cell r="C286" t="str">
            <v>Parks &amp; Open Spaces</v>
          </cell>
          <cell r="D286">
            <v>37025</v>
          </cell>
          <cell r="E286" t="str">
            <v>Barnet Owned</v>
          </cell>
          <cell r="F286">
            <v>10764</v>
          </cell>
          <cell r="G286" t="str">
            <v>Barnet Owned</v>
          </cell>
          <cell r="H286" t="str">
            <v>N/A</v>
          </cell>
          <cell r="I286" t="str">
            <v>JOHN DEERE 3310 Tractor</v>
          </cell>
          <cell r="J286">
            <v>6000</v>
          </cell>
          <cell r="L286" t="str">
            <v>Changed ownership to LBB 4 Oct~08</v>
          </cell>
        </row>
        <row r="287">
          <cell r="A287" t="str">
            <v>8T005</v>
          </cell>
          <cell r="B287" t="str">
            <v>Y211JKX</v>
          </cell>
          <cell r="C287" t="str">
            <v>Parks &amp; Open Spaces</v>
          </cell>
          <cell r="D287">
            <v>37390</v>
          </cell>
          <cell r="E287" t="str">
            <v>Barnet Owned</v>
          </cell>
          <cell r="F287">
            <v>10764</v>
          </cell>
          <cell r="G287" t="str">
            <v>Barnet Owned</v>
          </cell>
          <cell r="H287" t="str">
            <v>N/A</v>
          </cell>
          <cell r="I287" t="str">
            <v>JOHN DEERE 3310 Tractor</v>
          </cell>
          <cell r="J287">
            <v>6000</v>
          </cell>
          <cell r="L287" t="str">
            <v>Changed ownership to LBB 4 Oct~08</v>
          </cell>
        </row>
        <row r="288">
          <cell r="A288" t="str">
            <v>8T006</v>
          </cell>
          <cell r="B288" t="str">
            <v>Y568XGS</v>
          </cell>
          <cell r="C288" t="str">
            <v>Hendon Crem</v>
          </cell>
          <cell r="D288">
            <v>37064</v>
          </cell>
          <cell r="E288" t="str">
            <v>Barnet Owned</v>
          </cell>
          <cell r="F288">
            <v>10661</v>
          </cell>
          <cell r="G288" t="str">
            <v>Barnet Owned</v>
          </cell>
          <cell r="H288" t="str">
            <v>N/A</v>
          </cell>
          <cell r="I288" t="str">
            <v>JOHN DEERE 3310 Tractor</v>
          </cell>
          <cell r="J288">
            <v>6000</v>
          </cell>
          <cell r="L288" t="str">
            <v>Changed ownership to LBB 4 Oct~08</v>
          </cell>
        </row>
        <row r="289">
          <cell r="A289" t="str">
            <v>8T007</v>
          </cell>
          <cell r="B289" t="str">
            <v>KE04UXM</v>
          </cell>
          <cell r="C289" t="str">
            <v>Parks &amp; Open Spaces</v>
          </cell>
          <cell r="D289">
            <v>38205</v>
          </cell>
          <cell r="E289">
            <v>40700</v>
          </cell>
          <cell r="F289">
            <v>10764</v>
          </cell>
          <cell r="G289" t="str">
            <v>Lease</v>
          </cell>
          <cell r="H289" t="str">
            <v>SFS</v>
          </cell>
          <cell r="I289" t="str">
            <v>ABEI TERRATRAC</v>
          </cell>
          <cell r="J289">
            <v>4000</v>
          </cell>
        </row>
        <row r="290">
          <cell r="A290" t="str">
            <v>8W029</v>
          </cell>
          <cell r="B290" t="str">
            <v>8W029</v>
          </cell>
          <cell r="C290" t="str">
            <v>Hendon Crem</v>
          </cell>
          <cell r="D290">
            <v>38982</v>
          </cell>
          <cell r="F290">
            <v>10661</v>
          </cell>
          <cell r="G290" t="str">
            <v>Lease</v>
          </cell>
          <cell r="H290" t="str">
            <v>SFS</v>
          </cell>
          <cell r="I290" t="str">
            <v>Kubota G2160 Ride on</v>
          </cell>
          <cell r="J290">
            <v>5000</v>
          </cell>
        </row>
        <row r="291">
          <cell r="A291" t="str">
            <v>8W030</v>
          </cell>
          <cell r="B291" t="str">
            <v>LK09ALU</v>
          </cell>
          <cell r="C291" t="str">
            <v>Barnet Homes - Caretakers</v>
          </cell>
          <cell r="D291">
            <v>39904</v>
          </cell>
          <cell r="F291" t="str">
            <v>External</v>
          </cell>
          <cell r="G291" t="str">
            <v>Lease</v>
          </cell>
          <cell r="H291" t="str">
            <v>GPL</v>
          </cell>
          <cell r="I291" t="str">
            <v>Hayter 3 gang Ride on</v>
          </cell>
        </row>
        <row r="292">
          <cell r="A292" t="str">
            <v>8W951</v>
          </cell>
          <cell r="B292" t="str">
            <v>T537AFC</v>
          </cell>
          <cell r="C292" t="str">
            <v>Parks &amp; Open Spaces</v>
          </cell>
          <cell r="D292">
            <v>36465</v>
          </cell>
          <cell r="E292" t="str">
            <v>Barnet owned</v>
          </cell>
          <cell r="F292">
            <v>10764</v>
          </cell>
          <cell r="G292" t="str">
            <v>Barnet Owned</v>
          </cell>
          <cell r="H292" t="str">
            <v>N/A</v>
          </cell>
          <cell r="I292" t="str">
            <v>Etesia Ride on</v>
          </cell>
          <cell r="J292">
            <v>500</v>
          </cell>
        </row>
        <row r="293">
          <cell r="A293" t="str">
            <v>8W952</v>
          </cell>
          <cell r="B293" t="str">
            <v>T538AFC</v>
          </cell>
          <cell r="C293" t="str">
            <v>Parks &amp; Open Spaces</v>
          </cell>
          <cell r="D293">
            <v>36465</v>
          </cell>
          <cell r="E293" t="str">
            <v>Barnet owned</v>
          </cell>
          <cell r="F293">
            <v>10764</v>
          </cell>
          <cell r="G293" t="str">
            <v>Barnet Owned</v>
          </cell>
          <cell r="H293" t="str">
            <v>N/A</v>
          </cell>
          <cell r="I293" t="str">
            <v>Etesia Ride on</v>
          </cell>
          <cell r="J293">
            <v>500</v>
          </cell>
        </row>
        <row r="294">
          <cell r="A294" t="str">
            <v>8W954</v>
          </cell>
          <cell r="B294" t="str">
            <v>KE06MXB</v>
          </cell>
          <cell r="C294" t="str">
            <v>Barnet Homes - Caretakers</v>
          </cell>
          <cell r="D294">
            <v>38777</v>
          </cell>
          <cell r="E294" t="str">
            <v>Barnet owned</v>
          </cell>
          <cell r="F294" t="str">
            <v>External</v>
          </cell>
          <cell r="G294" t="str">
            <v>Barnet Owned</v>
          </cell>
          <cell r="H294" t="str">
            <v>N/A</v>
          </cell>
          <cell r="I294" t="str">
            <v>Hayter 3 gang Ride on</v>
          </cell>
          <cell r="J294">
            <v>500</v>
          </cell>
        </row>
        <row r="295">
          <cell r="A295" t="str">
            <v>8Z001</v>
          </cell>
          <cell r="B295" t="str">
            <v>HD001</v>
          </cell>
          <cell r="C295" t="str">
            <v>Hendon Crem</v>
          </cell>
          <cell r="F295">
            <v>10661</v>
          </cell>
          <cell r="G295" t="str">
            <v>Regular Hire</v>
          </cell>
          <cell r="H295" t="str">
            <v>GPL</v>
          </cell>
          <cell r="I295" t="str">
            <v>Dumper Truck</v>
          </cell>
        </row>
        <row r="296">
          <cell r="A296" t="str">
            <v>8Z002</v>
          </cell>
          <cell r="B296" t="str">
            <v>KX08DWK</v>
          </cell>
          <cell r="C296" t="str">
            <v>Highway Maintenance (10664)</v>
          </cell>
          <cell r="F296">
            <v>10664</v>
          </cell>
          <cell r="G296" t="str">
            <v>Regular Hire</v>
          </cell>
          <cell r="H296" t="str">
            <v>GPL</v>
          </cell>
          <cell r="I296" t="str">
            <v>JCB telehendler</v>
          </cell>
        </row>
        <row r="297">
          <cell r="A297" t="str">
            <v>8Z015</v>
          </cell>
          <cell r="B297" t="str">
            <v>KE55NWZ</v>
          </cell>
          <cell r="C297" t="str">
            <v>Parks &amp; Open Spaces</v>
          </cell>
          <cell r="D297">
            <v>39904</v>
          </cell>
          <cell r="E297" t="str">
            <v>32 Weeks</v>
          </cell>
          <cell r="F297">
            <v>10764</v>
          </cell>
          <cell r="G297" t="str">
            <v>Regular Hire</v>
          </cell>
          <cell r="H297" t="str">
            <v>GPL</v>
          </cell>
          <cell r="I297" t="str">
            <v>John Deere 900 Cylinder Mower</v>
          </cell>
          <cell r="J297">
            <v>5000</v>
          </cell>
        </row>
        <row r="298">
          <cell r="A298" t="str">
            <v>8Z016</v>
          </cell>
          <cell r="B298" t="str">
            <v>KE55NXA</v>
          </cell>
          <cell r="C298" t="str">
            <v>Parks &amp; Open Spaces</v>
          </cell>
          <cell r="D298">
            <v>39904</v>
          </cell>
          <cell r="E298" t="str">
            <v>32 Weeks</v>
          </cell>
          <cell r="F298">
            <v>10764</v>
          </cell>
          <cell r="G298" t="str">
            <v>Regular Hire</v>
          </cell>
          <cell r="H298" t="str">
            <v>GPL</v>
          </cell>
          <cell r="I298" t="str">
            <v>John Deere 900 Cylinder Mower</v>
          </cell>
          <cell r="J298">
            <v>5000</v>
          </cell>
        </row>
        <row r="299">
          <cell r="A299" t="str">
            <v>8Z017</v>
          </cell>
          <cell r="B299" t="str">
            <v>KE55KWS</v>
          </cell>
          <cell r="C299" t="str">
            <v>Parks &amp; Open Spaces</v>
          </cell>
          <cell r="D299">
            <v>39904</v>
          </cell>
          <cell r="E299" t="str">
            <v>32 Weeks</v>
          </cell>
          <cell r="F299">
            <v>10764</v>
          </cell>
          <cell r="G299" t="str">
            <v>Regular Hire</v>
          </cell>
          <cell r="H299" t="str">
            <v>GPL</v>
          </cell>
          <cell r="I299" t="str">
            <v>John Deere 900 Cylinder Mower</v>
          </cell>
          <cell r="J299">
            <v>5000</v>
          </cell>
        </row>
        <row r="300">
          <cell r="A300" t="str">
            <v>8Z018</v>
          </cell>
          <cell r="B300" t="str">
            <v>KE55NWW</v>
          </cell>
          <cell r="C300" t="str">
            <v>Parks &amp; Open Spaces</v>
          </cell>
          <cell r="D300">
            <v>39904</v>
          </cell>
          <cell r="E300" t="str">
            <v>32 Weeks</v>
          </cell>
          <cell r="F300">
            <v>10764</v>
          </cell>
          <cell r="G300" t="str">
            <v>Regular Hire</v>
          </cell>
          <cell r="H300" t="str">
            <v>GPL</v>
          </cell>
          <cell r="I300" t="str">
            <v>John Deere 900 Cylinder Mower</v>
          </cell>
          <cell r="J300">
            <v>5000</v>
          </cell>
        </row>
        <row r="301">
          <cell r="A301" t="str">
            <v>8Z019</v>
          </cell>
          <cell r="B301" t="str">
            <v>KE55NWY</v>
          </cell>
          <cell r="C301" t="str">
            <v>Parks &amp; Open Spaces</v>
          </cell>
          <cell r="D301">
            <v>39904</v>
          </cell>
          <cell r="E301" t="str">
            <v>32 Weeks</v>
          </cell>
          <cell r="F301">
            <v>10764</v>
          </cell>
          <cell r="G301" t="str">
            <v>Regular Hire</v>
          </cell>
          <cell r="H301" t="str">
            <v>GPL</v>
          </cell>
          <cell r="I301" t="str">
            <v>John Deere 900 Cylinder Mower</v>
          </cell>
          <cell r="J301">
            <v>5000</v>
          </cell>
        </row>
        <row r="302">
          <cell r="A302" t="str">
            <v>8Z020</v>
          </cell>
          <cell r="B302" t="str">
            <v>KE55NWR</v>
          </cell>
          <cell r="C302" t="str">
            <v>Parks &amp; Open Spaces</v>
          </cell>
          <cell r="D302">
            <v>39904</v>
          </cell>
          <cell r="E302" t="str">
            <v>32 Weeks</v>
          </cell>
          <cell r="F302">
            <v>10764</v>
          </cell>
          <cell r="G302" t="str">
            <v>Regular Hire</v>
          </cell>
          <cell r="H302" t="str">
            <v>GPL</v>
          </cell>
          <cell r="I302" t="str">
            <v>John Deere 900 Cylinder Mower</v>
          </cell>
          <cell r="J302">
            <v>5000</v>
          </cell>
        </row>
        <row r="303">
          <cell r="A303" t="str">
            <v>8Z021</v>
          </cell>
          <cell r="B303" t="str">
            <v>KE55NWT</v>
          </cell>
          <cell r="C303" t="str">
            <v>Parks &amp; Open Spaces</v>
          </cell>
          <cell r="D303">
            <v>39904</v>
          </cell>
          <cell r="E303" t="str">
            <v>32 Weeks</v>
          </cell>
          <cell r="F303">
            <v>10764</v>
          </cell>
          <cell r="G303" t="str">
            <v>Regular Hire</v>
          </cell>
          <cell r="H303" t="str">
            <v>GPL</v>
          </cell>
          <cell r="I303" t="str">
            <v>John Deere 900 Cylinder Mower</v>
          </cell>
          <cell r="J303">
            <v>5000</v>
          </cell>
        </row>
        <row r="304">
          <cell r="A304" t="str">
            <v>8Z022</v>
          </cell>
          <cell r="B304" t="str">
            <v>KE55NWU</v>
          </cell>
          <cell r="C304" t="str">
            <v>Parks &amp; Open Spaces</v>
          </cell>
          <cell r="D304">
            <v>39904</v>
          </cell>
          <cell r="E304" t="str">
            <v>32 Weeks</v>
          </cell>
          <cell r="F304">
            <v>10764</v>
          </cell>
          <cell r="G304" t="str">
            <v>Regular Hire</v>
          </cell>
          <cell r="H304" t="str">
            <v>GPL</v>
          </cell>
          <cell r="I304" t="str">
            <v>John Deere 900 Cylinder Mower</v>
          </cell>
          <cell r="J304">
            <v>5000</v>
          </cell>
        </row>
        <row r="305">
          <cell r="A305" t="str">
            <v>8Z023</v>
          </cell>
          <cell r="B305" t="str">
            <v>KE55NWX</v>
          </cell>
          <cell r="C305" t="str">
            <v>Parks &amp; Open Spaces</v>
          </cell>
          <cell r="D305">
            <v>39904</v>
          </cell>
          <cell r="E305" t="str">
            <v>32 Weeks</v>
          </cell>
          <cell r="F305">
            <v>10764</v>
          </cell>
          <cell r="G305" t="str">
            <v>Regular Hire</v>
          </cell>
          <cell r="H305" t="str">
            <v>GPL</v>
          </cell>
          <cell r="I305" t="str">
            <v>John Deere 900 Cylinder Mower</v>
          </cell>
          <cell r="J305">
            <v>5000</v>
          </cell>
        </row>
        <row r="306">
          <cell r="A306" t="str">
            <v>8Z024</v>
          </cell>
          <cell r="B306" t="str">
            <v>KE55NWV</v>
          </cell>
          <cell r="C306" t="str">
            <v>Parks &amp; Open Spaces</v>
          </cell>
          <cell r="D306">
            <v>39904</v>
          </cell>
          <cell r="E306" t="str">
            <v>32 Weeks</v>
          </cell>
          <cell r="F306">
            <v>10764</v>
          </cell>
          <cell r="G306" t="str">
            <v>Regular Hire</v>
          </cell>
          <cell r="H306" t="str">
            <v>GPL</v>
          </cell>
          <cell r="I306" t="str">
            <v>John Deere 900 Cylinder Mower</v>
          </cell>
          <cell r="J306">
            <v>5000</v>
          </cell>
        </row>
        <row r="307">
          <cell r="A307" t="str">
            <v>8Z025</v>
          </cell>
          <cell r="B307" t="str">
            <v>KE55NXB</v>
          </cell>
          <cell r="C307" t="str">
            <v>Parks &amp; Open Spaces</v>
          </cell>
          <cell r="D307">
            <v>39904</v>
          </cell>
          <cell r="E307" t="str">
            <v>32 Weeks</v>
          </cell>
          <cell r="F307">
            <v>10764</v>
          </cell>
          <cell r="G307" t="str">
            <v>Regular Hire</v>
          </cell>
          <cell r="H307" t="str">
            <v>GPL</v>
          </cell>
          <cell r="I307" t="str">
            <v>John Deere 900 Cylinder Mower</v>
          </cell>
          <cell r="J307">
            <v>5000</v>
          </cell>
        </row>
        <row r="308">
          <cell r="A308" t="str">
            <v>8Z026</v>
          </cell>
          <cell r="B308" t="str">
            <v>KE55NWS</v>
          </cell>
          <cell r="C308" t="str">
            <v>Hendon Crem</v>
          </cell>
          <cell r="D308">
            <v>39904</v>
          </cell>
          <cell r="E308" t="str">
            <v>32 Weeks</v>
          </cell>
          <cell r="F308">
            <v>10661</v>
          </cell>
          <cell r="G308" t="str">
            <v>Regular Hire</v>
          </cell>
          <cell r="H308" t="str">
            <v>GPL</v>
          </cell>
          <cell r="I308" t="str">
            <v>John Deere 900 Cylinder Mower</v>
          </cell>
          <cell r="J308">
            <v>5000</v>
          </cell>
        </row>
        <row r="309">
          <cell r="A309" t="str">
            <v>8Z102</v>
          </cell>
          <cell r="B309" t="str">
            <v>YX06FDK</v>
          </cell>
          <cell r="C309" t="str">
            <v>Parks &amp; Open Spaces</v>
          </cell>
          <cell r="D309">
            <v>40031</v>
          </cell>
          <cell r="F309">
            <v>10764</v>
          </cell>
          <cell r="G309" t="str">
            <v>Regular Hire</v>
          </cell>
          <cell r="H309" t="str">
            <v>GPL</v>
          </cell>
          <cell r="I309" t="str">
            <v>Hayter LT324 ride on</v>
          </cell>
          <cell r="L309" t="str">
            <v>Replacing SN06AUC</v>
          </cell>
        </row>
        <row r="310">
          <cell r="A310" t="str">
            <v>9G011</v>
          </cell>
          <cell r="B310" t="str">
            <v>9G011</v>
          </cell>
          <cell r="C310" t="str">
            <v>Parks &amp; Open Spaces</v>
          </cell>
          <cell r="D310">
            <v>35349</v>
          </cell>
          <cell r="E310" t="str">
            <v>OFF Fleet</v>
          </cell>
          <cell r="F310">
            <v>10764</v>
          </cell>
          <cell r="G310" t="str">
            <v>Barnet Owned</v>
          </cell>
          <cell r="H310" t="str">
            <v>N/A</v>
          </cell>
          <cell r="I310" t="str">
            <v xml:space="preserve">Lloyds 5 Gang Mower  </v>
          </cell>
          <cell r="J310">
            <v>500</v>
          </cell>
          <cell r="L310" t="str">
            <v>awaiting disposal</v>
          </cell>
        </row>
        <row r="311">
          <cell r="A311" t="str">
            <v>9G017</v>
          </cell>
          <cell r="B311" t="str">
            <v>9G017</v>
          </cell>
          <cell r="C311" t="str">
            <v>Parks &amp; Open Spaces</v>
          </cell>
          <cell r="D311">
            <v>35528</v>
          </cell>
          <cell r="E311" t="str">
            <v>OFF Fleet</v>
          </cell>
          <cell r="F311">
            <v>10764</v>
          </cell>
          <cell r="G311" t="str">
            <v>Barnet Owned</v>
          </cell>
          <cell r="H311" t="str">
            <v>N/A</v>
          </cell>
          <cell r="I311" t="str">
            <v>Hayter 7Gang Mower</v>
          </cell>
          <cell r="J311">
            <v>500</v>
          </cell>
          <cell r="L311" t="str">
            <v>awaiting disposal</v>
          </cell>
        </row>
        <row r="312">
          <cell r="A312" t="str">
            <v>9G018</v>
          </cell>
          <cell r="B312" t="str">
            <v>9G018</v>
          </cell>
          <cell r="C312" t="str">
            <v>Parks &amp; Open Spaces</v>
          </cell>
          <cell r="D312">
            <v>35528</v>
          </cell>
          <cell r="E312" t="str">
            <v>Barnet owned</v>
          </cell>
          <cell r="F312">
            <v>10764</v>
          </cell>
          <cell r="G312" t="str">
            <v>Barnet Owned</v>
          </cell>
          <cell r="H312" t="str">
            <v>N/A</v>
          </cell>
          <cell r="I312" t="str">
            <v>Amazon Lift &amp; Cut</v>
          </cell>
          <cell r="J312">
            <v>500</v>
          </cell>
        </row>
        <row r="313">
          <cell r="A313" t="str">
            <v>9G106</v>
          </cell>
          <cell r="B313" t="str">
            <v>9G106</v>
          </cell>
          <cell r="C313" t="str">
            <v>Parks &amp; Open Spaces</v>
          </cell>
          <cell r="D313">
            <v>38777</v>
          </cell>
          <cell r="E313">
            <v>40603</v>
          </cell>
          <cell r="F313">
            <v>10764</v>
          </cell>
          <cell r="G313" t="str">
            <v>Lease</v>
          </cell>
          <cell r="H313" t="str">
            <v>SFS</v>
          </cell>
          <cell r="I313" t="str">
            <v>Hayter 7Gang Mower</v>
          </cell>
          <cell r="J313">
            <v>14000</v>
          </cell>
        </row>
        <row r="314">
          <cell r="A314" t="str">
            <v>9G107</v>
          </cell>
          <cell r="B314" t="str">
            <v>9G107</v>
          </cell>
          <cell r="C314" t="str">
            <v>Parks &amp; Open Spaces</v>
          </cell>
          <cell r="D314">
            <v>38777</v>
          </cell>
          <cell r="E314">
            <v>40603</v>
          </cell>
          <cell r="F314">
            <v>10764</v>
          </cell>
          <cell r="G314" t="str">
            <v>Lease</v>
          </cell>
          <cell r="H314" t="str">
            <v>SFS</v>
          </cell>
          <cell r="I314" t="str">
            <v>Hayter 7Gang Mower</v>
          </cell>
          <cell r="J314">
            <v>14000</v>
          </cell>
        </row>
        <row r="315">
          <cell r="A315" t="str">
            <v>9G108</v>
          </cell>
          <cell r="B315" t="str">
            <v>9G108</v>
          </cell>
          <cell r="C315" t="str">
            <v>Parks &amp; Open Spaces</v>
          </cell>
          <cell r="D315">
            <v>38777</v>
          </cell>
          <cell r="E315">
            <v>40603</v>
          </cell>
          <cell r="F315">
            <v>10764</v>
          </cell>
          <cell r="G315" t="str">
            <v>Lease</v>
          </cell>
          <cell r="H315" t="str">
            <v>SFS</v>
          </cell>
          <cell r="I315" t="str">
            <v>Hayter 7Gang Mower</v>
          </cell>
          <cell r="J315">
            <v>14000</v>
          </cell>
        </row>
        <row r="316">
          <cell r="A316" t="str">
            <v>9G109</v>
          </cell>
          <cell r="B316" t="str">
            <v>9G109</v>
          </cell>
          <cell r="C316" t="str">
            <v>Parks &amp; Open Spaces</v>
          </cell>
          <cell r="D316">
            <v>38777</v>
          </cell>
          <cell r="E316">
            <v>40603</v>
          </cell>
          <cell r="F316">
            <v>10764</v>
          </cell>
          <cell r="G316" t="str">
            <v>Lease</v>
          </cell>
          <cell r="H316" t="str">
            <v>SFS</v>
          </cell>
          <cell r="I316" t="str">
            <v>Hayter 7Gang Mower</v>
          </cell>
          <cell r="J316">
            <v>14000</v>
          </cell>
        </row>
        <row r="317">
          <cell r="A317" t="str">
            <v>9G110</v>
          </cell>
          <cell r="B317" t="str">
            <v>9G110</v>
          </cell>
          <cell r="C317" t="str">
            <v>Parks &amp; Open Spaces</v>
          </cell>
          <cell r="D317">
            <v>38777</v>
          </cell>
          <cell r="E317">
            <v>40603</v>
          </cell>
          <cell r="F317">
            <v>10764</v>
          </cell>
          <cell r="G317" t="str">
            <v>Lease</v>
          </cell>
          <cell r="H317" t="str">
            <v>SFS</v>
          </cell>
          <cell r="I317" t="str">
            <v>Hayter 7Gang Mower</v>
          </cell>
          <cell r="J317">
            <v>14000</v>
          </cell>
        </row>
        <row r="318">
          <cell r="A318" t="str">
            <v>9G111</v>
          </cell>
          <cell r="B318" t="str">
            <v>9G111</v>
          </cell>
          <cell r="C318" t="str">
            <v>Parks &amp; Open Spaces</v>
          </cell>
          <cell r="D318">
            <v>38777</v>
          </cell>
          <cell r="E318">
            <v>40603</v>
          </cell>
          <cell r="F318">
            <v>10764</v>
          </cell>
          <cell r="G318" t="str">
            <v>Lease</v>
          </cell>
          <cell r="H318" t="str">
            <v>SFS</v>
          </cell>
          <cell r="I318" t="str">
            <v>Hayter 7Gang Mower</v>
          </cell>
          <cell r="J318">
            <v>14000</v>
          </cell>
        </row>
        <row r="319">
          <cell r="A319" t="str">
            <v>9J002</v>
          </cell>
          <cell r="B319" t="str">
            <v>9J002</v>
          </cell>
          <cell r="C319" t="str">
            <v>Street Scene - Refuse</v>
          </cell>
          <cell r="D319">
            <v>38170</v>
          </cell>
          <cell r="E319" t="str">
            <v>Barnet owned</v>
          </cell>
          <cell r="F319">
            <v>10655</v>
          </cell>
          <cell r="G319" t="str">
            <v>Barnet Owned</v>
          </cell>
          <cell r="H319" t="str">
            <v>N/A</v>
          </cell>
          <cell r="I319" t="str">
            <v>TRAFALGAR</v>
          </cell>
          <cell r="J319">
            <v>2000</v>
          </cell>
        </row>
        <row r="320">
          <cell r="A320" t="str">
            <v>9J003</v>
          </cell>
          <cell r="B320" t="str">
            <v>9J003</v>
          </cell>
          <cell r="C320" t="str">
            <v>Street Scene - Refuse</v>
          </cell>
          <cell r="D320">
            <v>38170</v>
          </cell>
          <cell r="E320" t="str">
            <v>Barnet owned</v>
          </cell>
          <cell r="F320">
            <v>10655</v>
          </cell>
          <cell r="G320" t="str">
            <v>Barnet Owned</v>
          </cell>
          <cell r="H320" t="str">
            <v>N/A</v>
          </cell>
          <cell r="I320" t="str">
            <v>TRAFALGAR</v>
          </cell>
          <cell r="J320">
            <v>2000</v>
          </cell>
        </row>
        <row r="321">
          <cell r="A321" t="str">
            <v>9J004</v>
          </cell>
          <cell r="B321" t="str">
            <v>9J004</v>
          </cell>
          <cell r="C321" t="str">
            <v>Street Scene - Refuse</v>
          </cell>
          <cell r="D321">
            <v>38273</v>
          </cell>
          <cell r="E321" t="str">
            <v>Barnet owned</v>
          </cell>
          <cell r="F321">
            <v>10655</v>
          </cell>
          <cell r="G321" t="str">
            <v>Barnet Owned</v>
          </cell>
          <cell r="H321" t="str">
            <v>N/A</v>
          </cell>
          <cell r="I321" t="str">
            <v>TRAFALGAR</v>
          </cell>
          <cell r="J321">
            <v>2000</v>
          </cell>
        </row>
        <row r="322">
          <cell r="A322" t="str">
            <v>9N550</v>
          </cell>
          <cell r="B322" t="str">
            <v>9N550</v>
          </cell>
          <cell r="C322" t="str">
            <v>Parks &amp; Open Spaces</v>
          </cell>
          <cell r="D322">
            <v>35121</v>
          </cell>
          <cell r="E322" t="str">
            <v>Barnet owned</v>
          </cell>
          <cell r="F322">
            <v>10764</v>
          </cell>
          <cell r="G322" t="str">
            <v>Barnet Owned</v>
          </cell>
          <cell r="H322" t="str">
            <v>N/A</v>
          </cell>
          <cell r="I322" t="str">
            <v xml:space="preserve"> FRASER F68 TIPPING TRAILER </v>
          </cell>
          <cell r="J322">
            <v>300</v>
          </cell>
        </row>
        <row r="323">
          <cell r="A323" t="str">
            <v>9N553</v>
          </cell>
          <cell r="B323" t="str">
            <v>9N553</v>
          </cell>
          <cell r="C323" t="str">
            <v>Parks &amp; Open Spaces</v>
          </cell>
          <cell r="D323" t="str">
            <v>N/A</v>
          </cell>
          <cell r="E323" t="str">
            <v>Barnet Owned</v>
          </cell>
          <cell r="F323">
            <v>10764</v>
          </cell>
          <cell r="G323" t="str">
            <v>Barnet Owned</v>
          </cell>
          <cell r="H323" t="str">
            <v>N/A</v>
          </cell>
          <cell r="I323" t="str">
            <v xml:space="preserve"> FRASER F68 TIPPING TRAILER </v>
          </cell>
        </row>
        <row r="324">
          <cell r="A324" t="str">
            <v>9N554</v>
          </cell>
          <cell r="B324" t="str">
            <v>9N554</v>
          </cell>
          <cell r="C324" t="str">
            <v>Parks &amp; Open Spaces</v>
          </cell>
          <cell r="D324">
            <v>35353</v>
          </cell>
          <cell r="E324" t="str">
            <v>Barnet owned</v>
          </cell>
          <cell r="F324">
            <v>10764</v>
          </cell>
          <cell r="G324" t="str">
            <v>Barnet Owned</v>
          </cell>
          <cell r="H324" t="str">
            <v>N/A</v>
          </cell>
          <cell r="I324" t="str">
            <v xml:space="preserve"> FRASER F68 TIPPING TRAILER </v>
          </cell>
          <cell r="J324">
            <v>300</v>
          </cell>
        </row>
        <row r="325">
          <cell r="A325" t="str">
            <v>9N555</v>
          </cell>
          <cell r="B325" t="str">
            <v>9N555</v>
          </cell>
          <cell r="C325" t="str">
            <v>Parks &amp; Open Spaces</v>
          </cell>
          <cell r="D325">
            <v>35353</v>
          </cell>
          <cell r="E325" t="str">
            <v>Barnet owned</v>
          </cell>
          <cell r="F325">
            <v>10764</v>
          </cell>
          <cell r="G325" t="str">
            <v>Barnet Owned</v>
          </cell>
          <cell r="H325" t="str">
            <v>N/A</v>
          </cell>
          <cell r="I325" t="str">
            <v xml:space="preserve"> H-WOOD 2600GPS TRAILER </v>
          </cell>
          <cell r="J325">
            <v>300</v>
          </cell>
        </row>
        <row r="326">
          <cell r="A326" t="str">
            <v>9N605</v>
          </cell>
          <cell r="B326" t="str">
            <v>9N605</v>
          </cell>
          <cell r="C326" t="str">
            <v>Parks &amp; Open Spaces</v>
          </cell>
          <cell r="D326">
            <v>37027</v>
          </cell>
          <cell r="E326" t="str">
            <v>Barnet owned</v>
          </cell>
          <cell r="F326">
            <v>10764</v>
          </cell>
          <cell r="G326" t="str">
            <v>Barnet Owned</v>
          </cell>
          <cell r="H326" t="str">
            <v>N/A</v>
          </cell>
          <cell r="I326" t="str">
            <v xml:space="preserve"> H-WOOD 2600GPS TRAILER </v>
          </cell>
          <cell r="J326">
            <v>500</v>
          </cell>
        </row>
        <row r="327">
          <cell r="A327" t="str">
            <v>9N606</v>
          </cell>
          <cell r="B327" t="str">
            <v>9N606</v>
          </cell>
          <cell r="C327" t="str">
            <v>Parks &amp; Open Spaces</v>
          </cell>
          <cell r="D327">
            <v>37028</v>
          </cell>
          <cell r="E327" t="str">
            <v>Barnet owned</v>
          </cell>
          <cell r="F327">
            <v>10764</v>
          </cell>
          <cell r="G327" t="str">
            <v>Barnet Owned</v>
          </cell>
          <cell r="H327" t="str">
            <v>N/A</v>
          </cell>
          <cell r="I327" t="str">
            <v xml:space="preserve"> H-WOOD 2600GPS TRAILER </v>
          </cell>
          <cell r="J327">
            <v>500</v>
          </cell>
        </row>
        <row r="328">
          <cell r="A328" t="str">
            <v>9N607</v>
          </cell>
          <cell r="B328" t="str">
            <v>9N607</v>
          </cell>
          <cell r="C328" t="str">
            <v>Parks &amp; Open Spaces</v>
          </cell>
          <cell r="D328">
            <v>37030</v>
          </cell>
          <cell r="E328" t="str">
            <v>Barnet owned</v>
          </cell>
          <cell r="F328">
            <v>10764</v>
          </cell>
          <cell r="G328" t="str">
            <v>Barnet Owned</v>
          </cell>
          <cell r="H328" t="str">
            <v>N/A</v>
          </cell>
          <cell r="I328" t="str">
            <v xml:space="preserve"> H-WOOD 2600GPS TRAILER </v>
          </cell>
          <cell r="J328">
            <v>500</v>
          </cell>
        </row>
        <row r="329">
          <cell r="A329" t="str">
            <v>9N608</v>
          </cell>
          <cell r="B329" t="str">
            <v>9N608</v>
          </cell>
          <cell r="C329" t="str">
            <v>Parks &amp; Open Spaces</v>
          </cell>
          <cell r="D329">
            <v>37060</v>
          </cell>
          <cell r="E329" t="str">
            <v>Barnet owned</v>
          </cell>
          <cell r="F329">
            <v>10764</v>
          </cell>
          <cell r="G329" t="str">
            <v>Barnet Owned</v>
          </cell>
          <cell r="H329" t="str">
            <v>N/A</v>
          </cell>
          <cell r="I329" t="str">
            <v xml:space="preserve"> H-WOOD 2600GPS TRAILER </v>
          </cell>
          <cell r="J329">
            <v>500</v>
          </cell>
        </row>
        <row r="330">
          <cell r="A330" t="str">
            <v>9N609</v>
          </cell>
          <cell r="B330" t="str">
            <v>9N609</v>
          </cell>
          <cell r="C330" t="str">
            <v>Parks &amp; Open Spaces</v>
          </cell>
          <cell r="D330">
            <v>37060</v>
          </cell>
          <cell r="E330" t="str">
            <v>Barnet owned</v>
          </cell>
          <cell r="F330">
            <v>10764</v>
          </cell>
          <cell r="G330" t="str">
            <v>Barnet Owned</v>
          </cell>
          <cell r="H330" t="str">
            <v>N/A</v>
          </cell>
          <cell r="I330" t="str">
            <v xml:space="preserve"> H-WOOD 2600GPS TRAILER </v>
          </cell>
          <cell r="J330">
            <v>500</v>
          </cell>
        </row>
        <row r="331">
          <cell r="A331" t="str">
            <v>9N611</v>
          </cell>
          <cell r="B331" t="str">
            <v>9N611</v>
          </cell>
          <cell r="C331" t="str">
            <v>Parks &amp; Open Spaces</v>
          </cell>
          <cell r="D331">
            <v>37060</v>
          </cell>
          <cell r="E331" t="str">
            <v>Barnet owned</v>
          </cell>
          <cell r="F331">
            <v>10764</v>
          </cell>
          <cell r="G331" t="str">
            <v>Barnet Owned</v>
          </cell>
          <cell r="H331" t="str">
            <v>N/A</v>
          </cell>
          <cell r="I331" t="str">
            <v xml:space="preserve"> H-WOOD 2600GPS TRAILER </v>
          </cell>
          <cell r="J331">
            <v>500</v>
          </cell>
        </row>
        <row r="332">
          <cell r="A332" t="str">
            <v>9N612</v>
          </cell>
          <cell r="B332" t="str">
            <v>9N612</v>
          </cell>
          <cell r="C332" t="str">
            <v>Parks &amp; Open Spaces</v>
          </cell>
          <cell r="D332">
            <v>37060</v>
          </cell>
          <cell r="E332" t="str">
            <v>Barnet owned</v>
          </cell>
          <cell r="F332">
            <v>10764</v>
          </cell>
          <cell r="G332" t="str">
            <v>Barnet Owned</v>
          </cell>
          <cell r="H332" t="str">
            <v>N/A</v>
          </cell>
          <cell r="I332" t="str">
            <v xml:space="preserve"> H-WOOD 2600GPS TRAILER </v>
          </cell>
          <cell r="J332">
            <v>500</v>
          </cell>
        </row>
        <row r="333">
          <cell r="A333" t="str">
            <v>9N613</v>
          </cell>
          <cell r="B333" t="str">
            <v>9N613</v>
          </cell>
          <cell r="C333" t="str">
            <v>Parks &amp; Open Spaces</v>
          </cell>
          <cell r="D333">
            <v>37060</v>
          </cell>
          <cell r="E333" t="str">
            <v>Barnet owned</v>
          </cell>
          <cell r="F333">
            <v>10764</v>
          </cell>
          <cell r="G333" t="str">
            <v>Barnet Owned</v>
          </cell>
          <cell r="H333" t="str">
            <v>N/A</v>
          </cell>
          <cell r="I333" t="str">
            <v xml:space="preserve"> H-WOOD 2600GPS TRAILER </v>
          </cell>
          <cell r="J333">
            <v>500</v>
          </cell>
        </row>
        <row r="334">
          <cell r="A334" t="str">
            <v>9N614</v>
          </cell>
          <cell r="B334" t="str">
            <v>9N614</v>
          </cell>
          <cell r="C334" t="str">
            <v>Parks &amp; Open Spaces</v>
          </cell>
          <cell r="D334">
            <v>37060</v>
          </cell>
          <cell r="E334" t="str">
            <v>Barnet owned</v>
          </cell>
          <cell r="F334">
            <v>10764</v>
          </cell>
          <cell r="G334" t="str">
            <v>Barnet Owned</v>
          </cell>
          <cell r="H334" t="str">
            <v>N/A</v>
          </cell>
          <cell r="I334" t="str">
            <v xml:space="preserve"> H-WOOD 2600GPS TRAILER </v>
          </cell>
          <cell r="J334">
            <v>500</v>
          </cell>
        </row>
        <row r="335">
          <cell r="A335" t="str">
            <v>9N615</v>
          </cell>
          <cell r="B335" t="str">
            <v>9N615</v>
          </cell>
          <cell r="C335" t="str">
            <v>Barnet Homes - Caretakers</v>
          </cell>
          <cell r="D335">
            <v>37370</v>
          </cell>
          <cell r="E335" t="str">
            <v>Barnet owned</v>
          </cell>
          <cell r="F335">
            <v>10764</v>
          </cell>
          <cell r="G335" t="str">
            <v>Barnet Owned</v>
          </cell>
          <cell r="H335" t="str">
            <v>N/A</v>
          </cell>
          <cell r="I335" t="str">
            <v xml:space="preserve"> TRAILERS </v>
          </cell>
          <cell r="J335">
            <v>550</v>
          </cell>
        </row>
        <row r="336">
          <cell r="A336" t="str">
            <v>9N616</v>
          </cell>
          <cell r="B336" t="str">
            <v>9N616</v>
          </cell>
          <cell r="C336" t="str">
            <v>Parks &amp; Open Spaces</v>
          </cell>
          <cell r="E336" t="str">
            <v>Barnet Owned</v>
          </cell>
          <cell r="F336">
            <v>10764</v>
          </cell>
          <cell r="G336" t="str">
            <v>Barnet Owned</v>
          </cell>
          <cell r="H336" t="str">
            <v>N/A</v>
          </cell>
          <cell r="I336" t="str">
            <v>Trailer</v>
          </cell>
        </row>
        <row r="337">
          <cell r="A337" t="str">
            <v>9N623</v>
          </cell>
          <cell r="B337" t="str">
            <v>9N623</v>
          </cell>
          <cell r="C337" t="str">
            <v>Street Scene - Cleansing</v>
          </cell>
          <cell r="D337">
            <v>37230</v>
          </cell>
          <cell r="E337" t="str">
            <v>Barnet owned</v>
          </cell>
          <cell r="F337">
            <v>10652</v>
          </cell>
          <cell r="G337" t="str">
            <v>Barnet Owned</v>
          </cell>
          <cell r="H337" t="str">
            <v>N/A</v>
          </cell>
          <cell r="I337" t="str">
            <v xml:space="preserve"> TRAILERS </v>
          </cell>
          <cell r="J337">
            <v>500</v>
          </cell>
        </row>
        <row r="338">
          <cell r="A338" t="str">
            <v xml:space="preserve">9N624 </v>
          </cell>
          <cell r="B338" t="str">
            <v xml:space="preserve">9N624 </v>
          </cell>
          <cell r="C338" t="str">
            <v>Street Scene - Cleansing</v>
          </cell>
          <cell r="D338">
            <v>37510</v>
          </cell>
          <cell r="E338" t="str">
            <v>Barnet owned</v>
          </cell>
          <cell r="F338">
            <v>10652</v>
          </cell>
          <cell r="G338" t="str">
            <v>Barnet Owned</v>
          </cell>
          <cell r="H338" t="str">
            <v>N/A</v>
          </cell>
          <cell r="I338" t="str">
            <v xml:space="preserve"> IVOR WILLIAMS TRAILER </v>
          </cell>
          <cell r="J338">
            <v>600</v>
          </cell>
        </row>
        <row r="339">
          <cell r="A339" t="str">
            <v>9N625</v>
          </cell>
          <cell r="B339" t="str">
            <v>9N625</v>
          </cell>
          <cell r="C339" t="str">
            <v>Parks &amp; Open Spaces</v>
          </cell>
          <cell r="D339">
            <v>37691</v>
          </cell>
          <cell r="E339" t="str">
            <v>Barnet owned</v>
          </cell>
          <cell r="F339">
            <v>10764</v>
          </cell>
          <cell r="G339" t="str">
            <v>Barnet Owned</v>
          </cell>
          <cell r="H339" t="str">
            <v>N/A</v>
          </cell>
          <cell r="I339" t="str">
            <v xml:space="preserve"> TRAILERS </v>
          </cell>
          <cell r="J339">
            <v>650</v>
          </cell>
        </row>
        <row r="340">
          <cell r="A340" t="str">
            <v>9N626</v>
          </cell>
          <cell r="B340" t="str">
            <v>9N626</v>
          </cell>
          <cell r="C340" t="str">
            <v>Parks &amp; Open Spaces</v>
          </cell>
          <cell r="D340">
            <v>37691</v>
          </cell>
          <cell r="E340" t="str">
            <v>Barnet owned</v>
          </cell>
          <cell r="F340">
            <v>10764</v>
          </cell>
          <cell r="G340" t="str">
            <v>Barnet Owned</v>
          </cell>
          <cell r="H340" t="str">
            <v>N/A</v>
          </cell>
          <cell r="I340" t="str">
            <v xml:space="preserve"> BATESON 1264 TRAILER </v>
          </cell>
          <cell r="J340">
            <v>650</v>
          </cell>
        </row>
        <row r="341">
          <cell r="A341" t="str">
            <v>9N627</v>
          </cell>
          <cell r="B341" t="str">
            <v>9N627</v>
          </cell>
          <cell r="C341" t="str">
            <v>Street Scene - Cleansing</v>
          </cell>
          <cell r="D341">
            <v>37773</v>
          </cell>
          <cell r="E341" t="str">
            <v>Barnet owned</v>
          </cell>
          <cell r="F341">
            <v>10652</v>
          </cell>
          <cell r="G341" t="str">
            <v>Barnet Owned</v>
          </cell>
          <cell r="H341" t="str">
            <v>N/A</v>
          </cell>
          <cell r="I341" t="str">
            <v>H-WOOD TRAILER</v>
          </cell>
          <cell r="J341">
            <v>650</v>
          </cell>
        </row>
        <row r="342">
          <cell r="A342" t="str">
            <v>9N628</v>
          </cell>
          <cell r="B342" t="str">
            <v>9N628</v>
          </cell>
          <cell r="C342" t="str">
            <v>Street Scene - Refuse</v>
          </cell>
          <cell r="D342">
            <v>38272</v>
          </cell>
          <cell r="E342" t="str">
            <v>Barnet owned</v>
          </cell>
          <cell r="F342">
            <v>10655</v>
          </cell>
          <cell r="G342" t="str">
            <v>Barnet Owned</v>
          </cell>
          <cell r="H342" t="str">
            <v>N/A</v>
          </cell>
          <cell r="I342" t="str">
            <v>WESSEX CAR TRANSPORTER</v>
          </cell>
          <cell r="J342">
            <v>700</v>
          </cell>
        </row>
        <row r="343">
          <cell r="A343" t="str">
            <v>9N629</v>
          </cell>
          <cell r="B343" t="str">
            <v>9N629</v>
          </cell>
          <cell r="C343" t="str">
            <v>Street Scene - Cleansing</v>
          </cell>
          <cell r="D343">
            <v>38498</v>
          </cell>
          <cell r="E343" t="str">
            <v>Barnet owned</v>
          </cell>
          <cell r="F343">
            <v>10655</v>
          </cell>
          <cell r="G343" t="str">
            <v>Barnet Owned</v>
          </cell>
          <cell r="H343" t="str">
            <v>N/A</v>
          </cell>
          <cell r="I343" t="str">
            <v xml:space="preserve"> IVOR WILLIAMS TRAILER </v>
          </cell>
          <cell r="J343">
            <v>650</v>
          </cell>
        </row>
        <row r="344">
          <cell r="A344" t="str">
            <v>9N630</v>
          </cell>
          <cell r="B344" t="str">
            <v>9N630</v>
          </cell>
          <cell r="C344" t="str">
            <v>Parks &amp; Open Spaces</v>
          </cell>
          <cell r="D344">
            <v>38500</v>
          </cell>
          <cell r="E344" t="str">
            <v>Barnet owned</v>
          </cell>
          <cell r="F344">
            <v>10764</v>
          </cell>
          <cell r="G344" t="str">
            <v>Barnet Owned</v>
          </cell>
          <cell r="H344" t="str">
            <v>N/A</v>
          </cell>
          <cell r="I344" t="str">
            <v>H-WOOD TRAILER 3500GP  MESH SIDES</v>
          </cell>
          <cell r="J344">
            <v>650</v>
          </cell>
        </row>
        <row r="345">
          <cell r="A345" t="str">
            <v>9N631</v>
          </cell>
          <cell r="B345" t="str">
            <v>9N631</v>
          </cell>
          <cell r="C345" t="str">
            <v>Parks &amp; Open Spaces</v>
          </cell>
          <cell r="D345">
            <v>38755</v>
          </cell>
          <cell r="E345" t="str">
            <v>Barnet owned</v>
          </cell>
          <cell r="F345">
            <v>10764</v>
          </cell>
          <cell r="G345" t="str">
            <v>Barnet Owned</v>
          </cell>
          <cell r="H345" t="str">
            <v>N/A</v>
          </cell>
          <cell r="I345" t="str">
            <v>H-WOOD TRAILER 3500GP</v>
          </cell>
          <cell r="J345">
            <v>750</v>
          </cell>
        </row>
        <row r="346">
          <cell r="A346" t="str">
            <v>9N632</v>
          </cell>
          <cell r="B346" t="str">
            <v>9N632</v>
          </cell>
          <cell r="C346" t="str">
            <v>Parks &amp; Open Spaces</v>
          </cell>
          <cell r="D346">
            <v>39120</v>
          </cell>
          <cell r="E346" t="str">
            <v>Barnet owned</v>
          </cell>
          <cell r="F346">
            <v>10764</v>
          </cell>
          <cell r="G346" t="str">
            <v>Barnet Owned</v>
          </cell>
          <cell r="H346" t="str">
            <v>N/A</v>
          </cell>
          <cell r="I346" t="str">
            <v>BATESON TRAILER</v>
          </cell>
          <cell r="J346">
            <v>800</v>
          </cell>
        </row>
        <row r="347">
          <cell r="A347" t="str">
            <v>9N633</v>
          </cell>
          <cell r="B347" t="str">
            <v>9N633</v>
          </cell>
          <cell r="C347" t="str">
            <v>Street Scene - Cleansing</v>
          </cell>
          <cell r="D347">
            <v>38500</v>
          </cell>
          <cell r="E347" t="str">
            <v>Barnet owned</v>
          </cell>
          <cell r="F347">
            <v>10652</v>
          </cell>
          <cell r="G347" t="str">
            <v>Barnet Owned</v>
          </cell>
          <cell r="H347" t="str">
            <v>N/A</v>
          </cell>
          <cell r="I347" t="str">
            <v>BATESON TRAILER</v>
          </cell>
          <cell r="J347">
            <v>650</v>
          </cell>
        </row>
        <row r="348">
          <cell r="A348" t="str">
            <v>9N634</v>
          </cell>
          <cell r="B348" t="str">
            <v>9N634</v>
          </cell>
          <cell r="C348" t="str">
            <v>Barnet Homes - Caretakers</v>
          </cell>
          <cell r="D348">
            <v>38880</v>
          </cell>
          <cell r="E348" t="str">
            <v>Barnet owned</v>
          </cell>
          <cell r="F348" t="str">
            <v>External</v>
          </cell>
          <cell r="G348" t="str">
            <v>Barnet Owned</v>
          </cell>
          <cell r="H348" t="str">
            <v>N/A</v>
          </cell>
          <cell r="I348" t="str">
            <v>WESSEX CAR TRANSPORTER</v>
          </cell>
          <cell r="J348">
            <v>750</v>
          </cell>
        </row>
        <row r="349">
          <cell r="A349" t="str">
            <v>9N635</v>
          </cell>
          <cell r="B349" t="str">
            <v>9N635</v>
          </cell>
          <cell r="C349" t="str">
            <v>Parks &amp; Open Spaces</v>
          </cell>
          <cell r="D349">
            <v>39188</v>
          </cell>
          <cell r="E349" t="str">
            <v>Barnet owned</v>
          </cell>
          <cell r="F349">
            <v>10764</v>
          </cell>
          <cell r="G349" t="str">
            <v>Barnet Owned</v>
          </cell>
          <cell r="H349" t="str">
            <v>N/A</v>
          </cell>
          <cell r="I349" t="str">
            <v>BATESON TRAILER</v>
          </cell>
          <cell r="J349">
            <v>800</v>
          </cell>
        </row>
        <row r="350">
          <cell r="A350" t="str">
            <v>9N636</v>
          </cell>
          <cell r="B350" t="str">
            <v>9N636</v>
          </cell>
          <cell r="C350" t="str">
            <v>Parks &amp; Open Spaces</v>
          </cell>
          <cell r="D350">
            <v>39188</v>
          </cell>
          <cell r="E350" t="str">
            <v>Barnet owned</v>
          </cell>
          <cell r="F350">
            <v>10764</v>
          </cell>
          <cell r="G350" t="str">
            <v>Barnet Owned</v>
          </cell>
          <cell r="H350" t="str">
            <v>N/A</v>
          </cell>
          <cell r="I350" t="str">
            <v>BATESON TRAILER</v>
          </cell>
          <cell r="J350">
            <v>800</v>
          </cell>
        </row>
        <row r="351">
          <cell r="A351" t="str">
            <v>9N637</v>
          </cell>
          <cell r="B351" t="str">
            <v>9N637</v>
          </cell>
          <cell r="C351" t="str">
            <v>Parks &amp; Open Spaces</v>
          </cell>
          <cell r="D351" t="str">
            <v>N/A</v>
          </cell>
          <cell r="E351" t="str">
            <v>Barnet Owned</v>
          </cell>
          <cell r="F351">
            <v>10764</v>
          </cell>
          <cell r="G351" t="str">
            <v>Barnet Owned</v>
          </cell>
          <cell r="H351" t="str">
            <v>N/A</v>
          </cell>
          <cell r="I351" t="str">
            <v>BATESON TRAILERS</v>
          </cell>
        </row>
        <row r="352">
          <cell r="A352" t="str">
            <v>9P006</v>
          </cell>
          <cell r="B352" t="str">
            <v>9P006</v>
          </cell>
          <cell r="C352" t="str">
            <v>Street Scene - Cleansing</v>
          </cell>
          <cell r="D352">
            <v>39018</v>
          </cell>
          <cell r="E352" t="str">
            <v>Barnet owned</v>
          </cell>
          <cell r="F352">
            <v>10652</v>
          </cell>
          <cell r="G352" t="str">
            <v>Barnet Owned</v>
          </cell>
          <cell r="H352" t="str">
            <v>N/A</v>
          </cell>
          <cell r="I352" t="str">
            <v>TRILO LEAF VACUUM</v>
          </cell>
          <cell r="J352">
            <v>750</v>
          </cell>
        </row>
        <row r="353">
          <cell r="A353" t="str">
            <v>9P007</v>
          </cell>
          <cell r="B353" t="str">
            <v>9P007</v>
          </cell>
          <cell r="C353" t="str">
            <v>Street Scene - Cleansing</v>
          </cell>
          <cell r="D353">
            <v>39018</v>
          </cell>
          <cell r="E353" t="str">
            <v>Barnet owned</v>
          </cell>
          <cell r="F353">
            <v>10652</v>
          </cell>
          <cell r="G353" t="str">
            <v>Barnet Owned</v>
          </cell>
          <cell r="H353" t="str">
            <v>N/A</v>
          </cell>
          <cell r="I353" t="str">
            <v>TRILO LEAF VACUUM</v>
          </cell>
          <cell r="J353">
            <v>750</v>
          </cell>
        </row>
        <row r="354">
          <cell r="A354" t="str">
            <v>9P008</v>
          </cell>
          <cell r="B354" t="str">
            <v>9P008</v>
          </cell>
          <cell r="C354" t="str">
            <v>Parks &amp; Open Spaces</v>
          </cell>
          <cell r="D354">
            <v>39090</v>
          </cell>
          <cell r="E354" t="str">
            <v>Barnet owned</v>
          </cell>
          <cell r="F354">
            <v>10764</v>
          </cell>
          <cell r="G354" t="str">
            <v>Barnet Owned</v>
          </cell>
          <cell r="H354" t="str">
            <v>N/A</v>
          </cell>
          <cell r="I354" t="str">
            <v>TIMBERWOLF S425 SHREDDER</v>
          </cell>
          <cell r="J354">
            <v>800</v>
          </cell>
        </row>
        <row r="355">
          <cell r="A355" t="str">
            <v>9P009</v>
          </cell>
          <cell r="B355" t="str">
            <v>9P009</v>
          </cell>
          <cell r="C355" t="str">
            <v>Parks &amp; Open Spaces</v>
          </cell>
          <cell r="D355">
            <v>39090</v>
          </cell>
          <cell r="E355" t="str">
            <v>Barnet owned</v>
          </cell>
          <cell r="F355">
            <v>10764</v>
          </cell>
          <cell r="G355" t="str">
            <v>Barnet Owned</v>
          </cell>
          <cell r="H355" t="str">
            <v>N/A</v>
          </cell>
          <cell r="I355" t="str">
            <v>TIMBERWOLF TW190DH  SHREDDER</v>
          </cell>
          <cell r="J355">
            <v>800</v>
          </cell>
        </row>
        <row r="356">
          <cell r="A356" t="str">
            <v>9P010</v>
          </cell>
          <cell r="B356" t="str">
            <v>9P010</v>
          </cell>
          <cell r="C356" t="str">
            <v>Street Scene - Cleansing</v>
          </cell>
          <cell r="D356">
            <v>39155</v>
          </cell>
          <cell r="E356" t="str">
            <v>Barnet owned</v>
          </cell>
          <cell r="F356">
            <v>10652</v>
          </cell>
          <cell r="G356" t="str">
            <v>Barnet Owned</v>
          </cell>
          <cell r="H356" t="str">
            <v>N/A</v>
          </cell>
          <cell r="I356" t="str">
            <v>TRILO LEAF VACUUM</v>
          </cell>
          <cell r="J356">
            <v>800</v>
          </cell>
        </row>
        <row r="357">
          <cell r="A357" t="str">
            <v>9P011</v>
          </cell>
          <cell r="B357" t="str">
            <v>9P011</v>
          </cell>
          <cell r="C357" t="str">
            <v>Street Scene - Cleansing</v>
          </cell>
          <cell r="D357">
            <v>39155</v>
          </cell>
          <cell r="E357" t="str">
            <v>Barnet owned</v>
          </cell>
          <cell r="F357">
            <v>10652</v>
          </cell>
          <cell r="G357" t="str">
            <v>Barnet Owned</v>
          </cell>
          <cell r="H357" t="str">
            <v>N/A</v>
          </cell>
          <cell r="I357" t="str">
            <v>TRILO LEAF VACUUM</v>
          </cell>
          <cell r="J357">
            <v>800</v>
          </cell>
        </row>
        <row r="358">
          <cell r="A358" t="str">
            <v>9Z001</v>
          </cell>
          <cell r="B358">
            <v>61062</v>
          </cell>
          <cell r="C358" t="str">
            <v>Street Scene - Cleansing</v>
          </cell>
          <cell r="D358">
            <v>40122</v>
          </cell>
          <cell r="E358" t="str">
            <v>12 week min</v>
          </cell>
          <cell r="F358">
            <v>10652</v>
          </cell>
          <cell r="G358" t="str">
            <v>Ad Hoc Hire</v>
          </cell>
          <cell r="H358" t="str">
            <v>GPL</v>
          </cell>
          <cell r="I358" t="str">
            <v>Trilo SU40B Truck Loader</v>
          </cell>
        </row>
        <row r="359">
          <cell r="A359" t="str">
            <v>9Z002</v>
          </cell>
          <cell r="B359" t="str">
            <v>9Z002</v>
          </cell>
          <cell r="C359" t="str">
            <v>Parks &amp; Open Spaces</v>
          </cell>
          <cell r="D359">
            <v>40138</v>
          </cell>
          <cell r="F359">
            <v>10764</v>
          </cell>
          <cell r="G359" t="str">
            <v>Ad Hoc Hire</v>
          </cell>
          <cell r="H359" t="str">
            <v>GPL</v>
          </cell>
          <cell r="I359" t="str">
            <v>Agri Trailer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eetlist"/>
      <sheetName val="LBB recharges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Schedule 5 - Maint. Recharges"/>
      <sheetName val="Schedule 6 - Other Fleet Serv"/>
    </sheetNames>
    <sheetDataSet>
      <sheetData sheetId="0">
        <row r="1">
          <cell r="A1" t="str">
            <v>Vehicle Type/Fleet No.</v>
          </cell>
        </row>
      </sheetData>
      <sheetData sheetId="1">
        <row r="1">
          <cell r="A1" t="str">
            <v>Vehicle Type/Fleet No.</v>
          </cell>
        </row>
      </sheetData>
      <sheetData sheetId="2">
        <row r="1">
          <cell r="A1" t="str">
            <v>Vehicle Type/Fleet No.</v>
          </cell>
          <cell r="B1" t="str">
            <v>Agreement No.</v>
          </cell>
          <cell r="C1" t="str">
            <v>Registrat-ion No.</v>
          </cell>
          <cell r="D1" t="str">
            <v>Annual Required Miles/ Hours</v>
          </cell>
          <cell r="E1" t="str">
            <v>Lease Start Date</v>
          </cell>
          <cell r="F1" t="str">
            <v>Current Lease Expiry Date</v>
          </cell>
          <cell r="G1" t="str">
            <v>Contract hire Rate(Only applies to GPL vehicle)</v>
          </cell>
          <cell r="H1" t="str">
            <v>Capital and Interest</v>
          </cell>
          <cell r="I1" t="str">
            <v>Mainten-ance Cost - Labour (Only)</v>
          </cell>
          <cell r="J1" t="str">
            <v>Mainten-ance Cost - Parts (Only)</v>
          </cell>
          <cell r="K1" t="str">
            <v>Road Fund Licence</v>
          </cell>
          <cell r="L1" t="str">
            <v>Mot Test Fees</v>
          </cell>
          <cell r="M1" t="str">
            <v>LOLER Test Costs</v>
          </cell>
          <cell r="N1" t="str">
            <v>Operational Costs</v>
          </cell>
          <cell r="O1" t="str">
            <v>Margin%</v>
          </cell>
          <cell r="P1" t="str">
            <v>Margin</v>
          </cell>
          <cell r="Q1" t="str">
            <v>Total Annual  Charge</v>
          </cell>
          <cell r="R1" t="str">
            <v>Department</v>
          </cell>
        </row>
        <row r="2">
          <cell r="A2" t="str">
            <v>1V089</v>
          </cell>
          <cell r="B2">
            <v>101538</v>
          </cell>
          <cell r="C2" t="str">
            <v>LS06DYN</v>
          </cell>
          <cell r="D2">
            <v>10000</v>
          </cell>
          <cell r="F2">
            <v>40000</v>
          </cell>
          <cell r="G2">
            <v>0</v>
          </cell>
          <cell r="H2" t="str">
            <v>N/A</v>
          </cell>
          <cell r="I2">
            <v>330</v>
          </cell>
          <cell r="J2">
            <v>600</v>
          </cell>
          <cell r="L2">
            <v>0</v>
          </cell>
          <cell r="M2">
            <v>0</v>
          </cell>
          <cell r="N2">
            <v>400</v>
          </cell>
          <cell r="O2">
            <v>0.1</v>
          </cell>
          <cell r="P2">
            <v>133</v>
          </cell>
          <cell r="Q2">
            <v>1463</v>
          </cell>
          <cell r="R2" t="str">
            <v>Parks &amp; Open Spaces</v>
          </cell>
        </row>
        <row r="3">
          <cell r="A3" t="str">
            <v>1V090</v>
          </cell>
          <cell r="C3" t="str">
            <v>LR56OCC</v>
          </cell>
          <cell r="D3">
            <v>10000</v>
          </cell>
          <cell r="F3">
            <v>40136</v>
          </cell>
          <cell r="G3">
            <v>0</v>
          </cell>
          <cell r="H3" t="str">
            <v>N/A</v>
          </cell>
          <cell r="I3">
            <v>210</v>
          </cell>
          <cell r="J3">
            <v>600</v>
          </cell>
          <cell r="L3">
            <v>0</v>
          </cell>
          <cell r="M3">
            <v>0</v>
          </cell>
          <cell r="N3">
            <v>400</v>
          </cell>
          <cell r="O3">
            <v>0.12</v>
          </cell>
          <cell r="P3">
            <v>145.19999999999999</v>
          </cell>
          <cell r="Q3">
            <v>1355.2</v>
          </cell>
          <cell r="R3" t="str">
            <v>Street Scene - Refuse</v>
          </cell>
        </row>
        <row r="4">
          <cell r="A4" t="str">
            <v>1V091</v>
          </cell>
          <cell r="C4" t="str">
            <v>LR56OCH</v>
          </cell>
          <cell r="D4">
            <v>10000</v>
          </cell>
          <cell r="F4">
            <v>40137</v>
          </cell>
          <cell r="G4">
            <v>0</v>
          </cell>
          <cell r="H4" t="str">
            <v>N/A</v>
          </cell>
          <cell r="I4">
            <v>210</v>
          </cell>
          <cell r="J4">
            <v>600</v>
          </cell>
          <cell r="L4">
            <v>0</v>
          </cell>
          <cell r="M4">
            <v>0</v>
          </cell>
          <cell r="N4">
            <v>400</v>
          </cell>
          <cell r="O4">
            <v>0.12</v>
          </cell>
          <cell r="P4">
            <v>145.19999999999999</v>
          </cell>
          <cell r="Q4">
            <v>1355.2</v>
          </cell>
          <cell r="R4" t="str">
            <v>Street Scene - Refuse</v>
          </cell>
        </row>
        <row r="5">
          <cell r="A5" t="str">
            <v>1V092</v>
          </cell>
          <cell r="C5" t="str">
            <v>LR56OEX</v>
          </cell>
          <cell r="D5">
            <v>10000</v>
          </cell>
          <cell r="F5">
            <v>40137</v>
          </cell>
          <cell r="G5">
            <v>0</v>
          </cell>
          <cell r="H5" t="str">
            <v>N/A</v>
          </cell>
          <cell r="I5">
            <v>210</v>
          </cell>
          <cell r="J5">
            <v>600</v>
          </cell>
          <cell r="L5">
            <v>0</v>
          </cell>
          <cell r="M5">
            <v>0</v>
          </cell>
          <cell r="N5">
            <v>400</v>
          </cell>
          <cell r="O5">
            <v>0.12</v>
          </cell>
          <cell r="P5">
            <v>145.19999999999999</v>
          </cell>
          <cell r="Q5">
            <v>1355.2</v>
          </cell>
          <cell r="R5" t="str">
            <v>Street Scene - Refuse</v>
          </cell>
        </row>
        <row r="6">
          <cell r="A6" t="str">
            <v>1V093</v>
          </cell>
          <cell r="C6" t="str">
            <v>LR56OFH</v>
          </cell>
          <cell r="D6">
            <v>10000</v>
          </cell>
          <cell r="F6">
            <v>40120</v>
          </cell>
          <cell r="G6">
            <v>0</v>
          </cell>
          <cell r="H6" t="str">
            <v>N/A</v>
          </cell>
          <cell r="I6">
            <v>210</v>
          </cell>
          <cell r="J6">
            <v>600</v>
          </cell>
          <cell r="L6">
            <v>0</v>
          </cell>
          <cell r="M6">
            <v>0</v>
          </cell>
          <cell r="N6">
            <v>400</v>
          </cell>
          <cell r="O6">
            <v>0.12</v>
          </cell>
          <cell r="P6">
            <v>145.19999999999999</v>
          </cell>
          <cell r="Q6">
            <v>1355.2</v>
          </cell>
          <cell r="R6" t="str">
            <v>Street Scene - Refuse</v>
          </cell>
        </row>
        <row r="7">
          <cell r="A7" t="str">
            <v>1V094</v>
          </cell>
          <cell r="C7" t="str">
            <v>LR56OFE</v>
          </cell>
          <cell r="D7">
            <v>10000</v>
          </cell>
          <cell r="F7">
            <v>40120</v>
          </cell>
          <cell r="G7">
            <v>0</v>
          </cell>
          <cell r="H7" t="str">
            <v>N/A</v>
          </cell>
          <cell r="I7">
            <v>210</v>
          </cell>
          <cell r="J7">
            <v>600</v>
          </cell>
          <cell r="L7">
            <v>0</v>
          </cell>
          <cell r="M7">
            <v>0</v>
          </cell>
          <cell r="N7">
            <v>400</v>
          </cell>
          <cell r="O7">
            <v>0.12</v>
          </cell>
          <cell r="P7">
            <v>145.19999999999999</v>
          </cell>
          <cell r="Q7">
            <v>1355.2</v>
          </cell>
          <cell r="R7" t="str">
            <v>Street Scene - cleansing</v>
          </cell>
        </row>
        <row r="8">
          <cell r="A8" t="str">
            <v>1V095</v>
          </cell>
          <cell r="C8" t="str">
            <v>LM56GKA</v>
          </cell>
          <cell r="D8">
            <v>10000</v>
          </cell>
          <cell r="F8">
            <v>40201</v>
          </cell>
          <cell r="G8">
            <v>0</v>
          </cell>
          <cell r="H8" t="str">
            <v>N/A</v>
          </cell>
          <cell r="I8">
            <v>240</v>
          </cell>
          <cell r="J8">
            <v>600</v>
          </cell>
          <cell r="L8">
            <v>0</v>
          </cell>
          <cell r="M8">
            <v>0</v>
          </cell>
          <cell r="N8">
            <v>400</v>
          </cell>
          <cell r="O8">
            <v>7.4999999999999997E-2</v>
          </cell>
          <cell r="P8">
            <v>93</v>
          </cell>
          <cell r="Q8">
            <v>1333</v>
          </cell>
          <cell r="R8" t="str">
            <v>Street Scene - Refuse</v>
          </cell>
        </row>
        <row r="9">
          <cell r="A9" t="str">
            <v>1V096</v>
          </cell>
          <cell r="C9" t="str">
            <v>LN56RZX</v>
          </cell>
          <cell r="D9">
            <v>10000</v>
          </cell>
          <cell r="F9">
            <v>40201</v>
          </cell>
          <cell r="G9">
            <v>0</v>
          </cell>
          <cell r="H9" t="str">
            <v>N/A</v>
          </cell>
          <cell r="I9">
            <v>240</v>
          </cell>
          <cell r="J9">
            <v>600</v>
          </cell>
          <cell r="L9">
            <v>0</v>
          </cell>
          <cell r="M9">
            <v>0</v>
          </cell>
          <cell r="N9">
            <v>400</v>
          </cell>
          <cell r="O9">
            <v>7.4999999999999997E-2</v>
          </cell>
          <cell r="P9">
            <v>93</v>
          </cell>
          <cell r="Q9">
            <v>1333</v>
          </cell>
          <cell r="R9" t="str">
            <v>Street Scene - Refuse</v>
          </cell>
        </row>
        <row r="10">
          <cell r="A10" t="str">
            <v>1V097</v>
          </cell>
          <cell r="C10" t="str">
            <v>LR56OJA</v>
          </cell>
          <cell r="D10">
            <v>10000</v>
          </cell>
          <cell r="F10">
            <v>40201</v>
          </cell>
          <cell r="G10">
            <v>0</v>
          </cell>
          <cell r="H10" t="str">
            <v>N/A</v>
          </cell>
          <cell r="I10">
            <v>240</v>
          </cell>
          <cell r="J10">
            <v>600</v>
          </cell>
          <cell r="L10">
            <v>0</v>
          </cell>
          <cell r="M10">
            <v>0</v>
          </cell>
          <cell r="N10">
            <v>400</v>
          </cell>
          <cell r="O10">
            <v>7.4999999999999997E-2</v>
          </cell>
          <cell r="P10">
            <v>93</v>
          </cell>
          <cell r="Q10">
            <v>1333</v>
          </cell>
          <cell r="R10" t="str">
            <v>Street Scene - cleansing</v>
          </cell>
        </row>
        <row r="11">
          <cell r="A11" t="str">
            <v>1V098</v>
          </cell>
          <cell r="C11" t="str">
            <v>LR56OJJ</v>
          </cell>
          <cell r="D11">
            <v>10000</v>
          </cell>
          <cell r="F11">
            <v>40201</v>
          </cell>
          <cell r="G11">
            <v>0</v>
          </cell>
          <cell r="H11" t="str">
            <v>N/A</v>
          </cell>
          <cell r="I11">
            <v>240</v>
          </cell>
          <cell r="J11">
            <v>600</v>
          </cell>
          <cell r="L11">
            <v>0</v>
          </cell>
          <cell r="M11">
            <v>0</v>
          </cell>
          <cell r="N11">
            <v>400</v>
          </cell>
          <cell r="O11">
            <v>7.4999999999999997E-2</v>
          </cell>
          <cell r="P11">
            <v>93</v>
          </cell>
          <cell r="Q11">
            <v>1333</v>
          </cell>
          <cell r="R11" t="str">
            <v>Street Scene - cleansing</v>
          </cell>
        </row>
        <row r="12">
          <cell r="A12" t="str">
            <v>1V099</v>
          </cell>
          <cell r="C12" t="str">
            <v>LM07CMO</v>
          </cell>
          <cell r="Q12">
            <v>0</v>
          </cell>
          <cell r="R12" t="str">
            <v>Barnet Homes  -  Caretakers</v>
          </cell>
        </row>
        <row r="13">
          <cell r="A13" t="str">
            <v>2G026</v>
          </cell>
          <cell r="C13" t="str">
            <v>NU52PZH</v>
          </cell>
          <cell r="D13">
            <v>10000</v>
          </cell>
          <cell r="Q13">
            <v>0</v>
          </cell>
          <cell r="R13" t="str">
            <v>Street Scene - Refuse</v>
          </cell>
        </row>
        <row r="14">
          <cell r="A14" t="str">
            <v>2G039</v>
          </cell>
          <cell r="C14" t="str">
            <v>NV53PYG</v>
          </cell>
          <cell r="D14">
            <v>10000</v>
          </cell>
          <cell r="F14">
            <v>39785</v>
          </cell>
          <cell r="G14">
            <v>0</v>
          </cell>
          <cell r="H14" t="str">
            <v>N/A</v>
          </cell>
          <cell r="I14">
            <v>540</v>
          </cell>
          <cell r="J14">
            <v>850</v>
          </cell>
          <cell r="L14">
            <v>49</v>
          </cell>
          <cell r="M14">
            <v>0</v>
          </cell>
          <cell r="N14">
            <v>1300</v>
          </cell>
          <cell r="O14">
            <v>0.1</v>
          </cell>
          <cell r="P14">
            <v>273.89999999999998</v>
          </cell>
          <cell r="Q14">
            <v>3012.9</v>
          </cell>
          <cell r="R14" t="str">
            <v xml:space="preserve">Street Scene - Cleansing </v>
          </cell>
        </row>
        <row r="15">
          <cell r="A15" t="str">
            <v>2G040</v>
          </cell>
          <cell r="C15" t="str">
            <v>LT04FLH</v>
          </cell>
          <cell r="D15">
            <v>10000</v>
          </cell>
          <cell r="F15">
            <v>39873</v>
          </cell>
          <cell r="G15">
            <v>0</v>
          </cell>
          <cell r="H15" t="str">
            <v>N/A</v>
          </cell>
          <cell r="I15">
            <v>360</v>
          </cell>
          <cell r="J15">
            <v>600</v>
          </cell>
          <cell r="L15">
            <v>47</v>
          </cell>
          <cell r="M15">
            <v>0</v>
          </cell>
          <cell r="N15">
            <v>400</v>
          </cell>
          <cell r="O15">
            <v>0.13900000000000001</v>
          </cell>
          <cell r="P15">
            <v>195.57</v>
          </cell>
          <cell r="Q15">
            <v>1602.57</v>
          </cell>
          <cell r="R15" t="str">
            <v>Parks &amp; Open Spaces</v>
          </cell>
        </row>
        <row r="16">
          <cell r="A16" t="str">
            <v>2G060</v>
          </cell>
          <cell r="C16" t="str">
            <v>LT54CEK</v>
          </cell>
          <cell r="D16">
            <v>10000</v>
          </cell>
          <cell r="F16">
            <v>40064</v>
          </cell>
          <cell r="G16">
            <v>0</v>
          </cell>
          <cell r="H16" t="str">
            <v>N/A</v>
          </cell>
          <cell r="I16">
            <v>360</v>
          </cell>
          <cell r="J16">
            <v>600</v>
          </cell>
          <cell r="L16">
            <v>47</v>
          </cell>
          <cell r="M16">
            <v>0</v>
          </cell>
          <cell r="N16">
            <v>400</v>
          </cell>
          <cell r="O16">
            <v>0.13900000000000001</v>
          </cell>
          <cell r="P16">
            <v>195.57</v>
          </cell>
          <cell r="Q16">
            <v>1602.57</v>
          </cell>
          <cell r="R16" t="str">
            <v>Barnet Homes  -  Caretakers</v>
          </cell>
        </row>
        <row r="17">
          <cell r="A17" t="str">
            <v>2G061</v>
          </cell>
          <cell r="C17" t="str">
            <v>LT54CLJ</v>
          </cell>
          <cell r="D17">
            <v>10000</v>
          </cell>
          <cell r="F17">
            <v>40064</v>
          </cell>
          <cell r="G17">
            <v>0</v>
          </cell>
          <cell r="H17" t="str">
            <v>N/A</v>
          </cell>
          <cell r="I17">
            <v>360</v>
          </cell>
          <cell r="J17">
            <v>600</v>
          </cell>
          <cell r="L17">
            <v>47</v>
          </cell>
          <cell r="M17">
            <v>0</v>
          </cell>
          <cell r="N17">
            <v>400</v>
          </cell>
          <cell r="O17">
            <v>0.13900000000000001</v>
          </cell>
          <cell r="P17">
            <v>195.57</v>
          </cell>
          <cell r="Q17">
            <v>1602.57</v>
          </cell>
          <cell r="R17" t="str">
            <v>Housing 21</v>
          </cell>
        </row>
        <row r="18">
          <cell r="A18" t="str">
            <v>2G062</v>
          </cell>
          <cell r="C18" t="str">
            <v>LT54CLN</v>
          </cell>
          <cell r="D18">
            <v>10000</v>
          </cell>
          <cell r="F18">
            <v>40064</v>
          </cell>
          <cell r="G18">
            <v>0</v>
          </cell>
          <cell r="H18" t="str">
            <v>N/A</v>
          </cell>
          <cell r="I18">
            <v>360</v>
          </cell>
          <cell r="J18">
            <v>600</v>
          </cell>
          <cell r="L18">
            <v>47</v>
          </cell>
          <cell r="M18">
            <v>0</v>
          </cell>
          <cell r="N18">
            <v>400</v>
          </cell>
          <cell r="O18">
            <v>0.13900000000000001</v>
          </cell>
          <cell r="P18">
            <v>195.57</v>
          </cell>
          <cell r="Q18">
            <v>1602.57</v>
          </cell>
          <cell r="R18" t="str">
            <v>Housing 21</v>
          </cell>
        </row>
        <row r="19">
          <cell r="A19" t="str">
            <v>2G071</v>
          </cell>
          <cell r="C19" t="str">
            <v>LT55KHD</v>
          </cell>
          <cell r="D19">
            <v>10000</v>
          </cell>
          <cell r="F19">
            <v>39762</v>
          </cell>
          <cell r="G19">
            <v>0</v>
          </cell>
          <cell r="H19" t="str">
            <v>N/A</v>
          </cell>
          <cell r="I19">
            <v>360</v>
          </cell>
          <cell r="J19">
            <v>600</v>
          </cell>
          <cell r="L19">
            <v>47</v>
          </cell>
          <cell r="M19">
            <v>0</v>
          </cell>
          <cell r="N19">
            <v>400</v>
          </cell>
          <cell r="O19">
            <v>0.13900000000000001</v>
          </cell>
          <cell r="P19">
            <v>195.57</v>
          </cell>
          <cell r="Q19">
            <v>1602.57</v>
          </cell>
          <cell r="R19" t="str">
            <v>Library Mobile Service</v>
          </cell>
        </row>
        <row r="20">
          <cell r="A20" t="str">
            <v>2G072</v>
          </cell>
          <cell r="C20" t="str">
            <v>LT06BPV</v>
          </cell>
          <cell r="D20">
            <v>10000</v>
          </cell>
          <cell r="F20">
            <v>39937</v>
          </cell>
          <cell r="G20">
            <v>0</v>
          </cell>
          <cell r="H20" t="str">
            <v>N/A</v>
          </cell>
          <cell r="I20">
            <v>210</v>
          </cell>
          <cell r="J20">
            <v>600</v>
          </cell>
          <cell r="L20">
            <v>0</v>
          </cell>
          <cell r="M20">
            <v>0</v>
          </cell>
          <cell r="N20">
            <v>400</v>
          </cell>
          <cell r="O20">
            <v>0.14199999999999999</v>
          </cell>
          <cell r="P20">
            <v>171.82</v>
          </cell>
          <cell r="Q20">
            <v>1381.82</v>
          </cell>
          <cell r="R20" t="str">
            <v>Parks &amp; Open Spaces</v>
          </cell>
        </row>
        <row r="21">
          <cell r="A21" t="str">
            <v>2G073</v>
          </cell>
          <cell r="C21" t="str">
            <v>LT06BOV</v>
          </cell>
          <cell r="D21">
            <v>10000</v>
          </cell>
          <cell r="F21">
            <v>39937</v>
          </cell>
          <cell r="G21">
            <v>0</v>
          </cell>
          <cell r="H21" t="str">
            <v>N/A</v>
          </cell>
          <cell r="I21">
            <v>210</v>
          </cell>
          <cell r="J21">
            <v>600</v>
          </cell>
          <cell r="L21">
            <v>0</v>
          </cell>
          <cell r="M21">
            <v>0</v>
          </cell>
          <cell r="N21">
            <v>400</v>
          </cell>
          <cell r="O21">
            <v>0.14199999999999999</v>
          </cell>
          <cell r="P21">
            <v>171.82</v>
          </cell>
          <cell r="Q21">
            <v>1381.82</v>
          </cell>
          <cell r="R21" t="str">
            <v>Parks &amp; Open Spaces</v>
          </cell>
        </row>
        <row r="22">
          <cell r="A22" t="str">
            <v>2G074</v>
          </cell>
          <cell r="C22" t="str">
            <v>LT06BPO</v>
          </cell>
          <cell r="D22">
            <v>10000</v>
          </cell>
          <cell r="F22">
            <v>39937</v>
          </cell>
          <cell r="G22">
            <v>0</v>
          </cell>
          <cell r="H22" t="str">
            <v>N/A</v>
          </cell>
          <cell r="I22">
            <v>210</v>
          </cell>
          <cell r="J22">
            <v>600</v>
          </cell>
          <cell r="L22">
            <v>0</v>
          </cell>
          <cell r="M22">
            <v>0</v>
          </cell>
          <cell r="N22">
            <v>400</v>
          </cell>
          <cell r="O22">
            <v>0.14199999999999999</v>
          </cell>
          <cell r="P22">
            <v>171.82</v>
          </cell>
          <cell r="Q22">
            <v>1381.82</v>
          </cell>
          <cell r="R22" t="str">
            <v>Parks &amp; Open Spaces</v>
          </cell>
        </row>
        <row r="23">
          <cell r="A23" t="str">
            <v>2G075</v>
          </cell>
          <cell r="C23" t="str">
            <v>LT06BPF</v>
          </cell>
          <cell r="D23">
            <v>10000</v>
          </cell>
          <cell r="F23">
            <v>39937</v>
          </cell>
          <cell r="G23">
            <v>0</v>
          </cell>
          <cell r="H23" t="str">
            <v>N/A</v>
          </cell>
          <cell r="I23">
            <v>210</v>
          </cell>
          <cell r="J23">
            <v>600</v>
          </cell>
          <cell r="L23">
            <v>0</v>
          </cell>
          <cell r="M23">
            <v>0</v>
          </cell>
          <cell r="N23">
            <v>400</v>
          </cell>
          <cell r="O23">
            <v>0.14199999999999999</v>
          </cell>
          <cell r="P23">
            <v>171.82</v>
          </cell>
          <cell r="Q23">
            <v>1381.82</v>
          </cell>
          <cell r="R23" t="str">
            <v>Public Health</v>
          </cell>
        </row>
        <row r="24">
          <cell r="A24" t="str">
            <v>2G076</v>
          </cell>
          <cell r="C24" t="str">
            <v>LN57WVU</v>
          </cell>
          <cell r="D24">
            <v>10000</v>
          </cell>
          <cell r="Q24">
            <v>0</v>
          </cell>
          <cell r="R24" t="str">
            <v>Barnet Homes  -  Caretakers</v>
          </cell>
        </row>
        <row r="25">
          <cell r="A25" t="str">
            <v>2G077</v>
          </cell>
          <cell r="C25" t="str">
            <v>LN57WVV</v>
          </cell>
          <cell r="D25">
            <v>10000</v>
          </cell>
          <cell r="Q25">
            <v>0</v>
          </cell>
          <cell r="R25" t="str">
            <v>Barnet Homes  -  Caretakers</v>
          </cell>
        </row>
        <row r="26">
          <cell r="A26" t="str">
            <v>2G078</v>
          </cell>
          <cell r="C26" t="str">
            <v>LN57WVW</v>
          </cell>
          <cell r="D26">
            <v>10000</v>
          </cell>
          <cell r="Q26">
            <v>0</v>
          </cell>
          <cell r="R26" t="str">
            <v>Barnet Homes  -  Caretakers</v>
          </cell>
        </row>
        <row r="27">
          <cell r="A27" t="str">
            <v>2G079</v>
          </cell>
          <cell r="C27" t="str">
            <v>LN57WVX</v>
          </cell>
          <cell r="D27">
            <v>10000</v>
          </cell>
          <cell r="Q27">
            <v>0</v>
          </cell>
          <cell r="R27" t="str">
            <v>Barnet Homes  -  Caretakers</v>
          </cell>
        </row>
        <row r="28">
          <cell r="A28" t="str">
            <v>2G080</v>
          </cell>
          <cell r="C28" t="str">
            <v>LN57XBA</v>
          </cell>
          <cell r="D28">
            <v>10000</v>
          </cell>
          <cell r="Q28">
            <v>0</v>
          </cell>
          <cell r="R28" t="str">
            <v>Barnet Homes  -  Caretakers</v>
          </cell>
        </row>
        <row r="29">
          <cell r="A29" t="str">
            <v>2S001</v>
          </cell>
          <cell r="C29" t="str">
            <v>NX51KVO</v>
          </cell>
          <cell r="D29">
            <v>10000</v>
          </cell>
          <cell r="Q29">
            <v>0</v>
          </cell>
          <cell r="R29" t="str">
            <v>Cashiers-Borough Treasurers</v>
          </cell>
        </row>
        <row r="30">
          <cell r="A30" t="str">
            <v>2S002</v>
          </cell>
          <cell r="C30" t="str">
            <v>NX51KVP</v>
          </cell>
          <cell r="D30">
            <v>10000</v>
          </cell>
          <cell r="Q30">
            <v>0</v>
          </cell>
          <cell r="R30" t="str">
            <v>Cashiers-Borough Treasurers</v>
          </cell>
        </row>
        <row r="31">
          <cell r="A31" t="str">
            <v>2S003</v>
          </cell>
          <cell r="C31" t="str">
            <v>NX51KVM</v>
          </cell>
          <cell r="D31">
            <v>10000</v>
          </cell>
          <cell r="Q31">
            <v>0</v>
          </cell>
          <cell r="R31" t="str">
            <v>Cashiers-Borough Treasurers</v>
          </cell>
        </row>
        <row r="32">
          <cell r="A32" t="str">
            <v>2T040</v>
          </cell>
          <cell r="C32" t="str">
            <v>LT55KHP</v>
          </cell>
          <cell r="D32">
            <v>10000</v>
          </cell>
          <cell r="F32">
            <v>39833</v>
          </cell>
          <cell r="G32">
            <v>0</v>
          </cell>
          <cell r="H32" t="str">
            <v>N/A</v>
          </cell>
          <cell r="I32">
            <v>555</v>
          </cell>
          <cell r="J32">
            <v>750</v>
          </cell>
          <cell r="L32">
            <v>47</v>
          </cell>
          <cell r="M32">
            <v>125</v>
          </cell>
          <cell r="N32">
            <v>400</v>
          </cell>
          <cell r="O32">
            <v>9.7500000000000003E-2</v>
          </cell>
          <cell r="P32">
            <v>183</v>
          </cell>
          <cell r="Q32">
            <v>2060</v>
          </cell>
          <cell r="R32" t="str">
            <v>Parks &amp; Open Spaces</v>
          </cell>
        </row>
        <row r="33">
          <cell r="A33" t="str">
            <v>2T041</v>
          </cell>
          <cell r="C33" t="str">
            <v>LT55KHU</v>
          </cell>
          <cell r="D33">
            <v>10000</v>
          </cell>
          <cell r="F33">
            <v>39833</v>
          </cell>
          <cell r="G33">
            <v>0</v>
          </cell>
          <cell r="H33" t="str">
            <v>N/A</v>
          </cell>
          <cell r="I33">
            <v>555</v>
          </cell>
          <cell r="J33">
            <v>750</v>
          </cell>
          <cell r="L33">
            <v>47</v>
          </cell>
          <cell r="M33">
            <v>125</v>
          </cell>
          <cell r="N33">
            <v>400</v>
          </cell>
          <cell r="O33">
            <v>9.7500000000000003E-2</v>
          </cell>
          <cell r="P33">
            <v>183</v>
          </cell>
          <cell r="Q33">
            <v>2060</v>
          </cell>
          <cell r="R33" t="str">
            <v>Parks &amp; Open Spaces</v>
          </cell>
        </row>
        <row r="34">
          <cell r="A34" t="str">
            <v>2T042</v>
          </cell>
          <cell r="C34" t="str">
            <v>MJ06TYV</v>
          </cell>
          <cell r="D34">
            <v>10000</v>
          </cell>
          <cell r="F34">
            <v>39987</v>
          </cell>
          <cell r="G34">
            <v>0</v>
          </cell>
          <cell r="H34" t="str">
            <v>N/A</v>
          </cell>
          <cell r="I34">
            <v>555</v>
          </cell>
          <cell r="J34">
            <v>750</v>
          </cell>
          <cell r="L34">
            <v>47</v>
          </cell>
          <cell r="M34">
            <v>125</v>
          </cell>
          <cell r="N34">
            <v>400</v>
          </cell>
          <cell r="O34">
            <v>9.7500000000000003E-2</v>
          </cell>
          <cell r="P34">
            <v>183</v>
          </cell>
          <cell r="Q34">
            <v>2060</v>
          </cell>
          <cell r="R34" t="str">
            <v>Parks &amp; Open Spaces</v>
          </cell>
        </row>
        <row r="35">
          <cell r="A35" t="str">
            <v>2T043</v>
          </cell>
          <cell r="C35" t="str">
            <v>MJ06TYW</v>
          </cell>
          <cell r="D35">
            <v>10000</v>
          </cell>
          <cell r="F35">
            <v>39987</v>
          </cell>
          <cell r="G35">
            <v>0</v>
          </cell>
          <cell r="H35" t="str">
            <v>N/A</v>
          </cell>
          <cell r="I35">
            <v>555</v>
          </cell>
          <cell r="J35">
            <v>750</v>
          </cell>
          <cell r="L35">
            <v>47</v>
          </cell>
          <cell r="M35">
            <v>125</v>
          </cell>
          <cell r="N35">
            <v>400</v>
          </cell>
          <cell r="O35">
            <v>9.7500000000000003E-2</v>
          </cell>
          <cell r="P35">
            <v>183</v>
          </cell>
          <cell r="Q35">
            <v>2060</v>
          </cell>
          <cell r="R35" t="str">
            <v>Parks &amp; Open Spaces</v>
          </cell>
        </row>
        <row r="36">
          <cell r="A36" t="str">
            <v>2T044</v>
          </cell>
          <cell r="C36" t="str">
            <v>MJ06TYK</v>
          </cell>
          <cell r="D36">
            <v>10000</v>
          </cell>
          <cell r="F36">
            <v>39987</v>
          </cell>
          <cell r="G36">
            <v>0</v>
          </cell>
          <cell r="H36" t="str">
            <v>N/A</v>
          </cell>
          <cell r="I36">
            <v>555</v>
          </cell>
          <cell r="J36">
            <v>750</v>
          </cell>
          <cell r="L36">
            <v>47</v>
          </cell>
          <cell r="M36">
            <v>125</v>
          </cell>
          <cell r="N36">
            <v>400</v>
          </cell>
          <cell r="O36">
            <v>9.7500000000000003E-2</v>
          </cell>
          <cell r="P36">
            <v>183</v>
          </cell>
          <cell r="Q36">
            <v>2060</v>
          </cell>
          <cell r="R36" t="str">
            <v>Parks &amp; Open Spaces</v>
          </cell>
        </row>
        <row r="37">
          <cell r="A37" t="str">
            <v>2T045</v>
          </cell>
          <cell r="C37" t="str">
            <v>MJ06TYY</v>
          </cell>
          <cell r="D37">
            <v>10000</v>
          </cell>
          <cell r="F37">
            <v>39987</v>
          </cell>
          <cell r="G37">
            <v>0</v>
          </cell>
          <cell r="H37" t="str">
            <v>N/A</v>
          </cell>
          <cell r="I37">
            <v>555</v>
          </cell>
          <cell r="J37">
            <v>750</v>
          </cell>
          <cell r="L37">
            <v>47</v>
          </cell>
          <cell r="M37">
            <v>125</v>
          </cell>
          <cell r="N37">
            <v>400</v>
          </cell>
          <cell r="O37">
            <v>9.7500000000000003E-2</v>
          </cell>
          <cell r="P37">
            <v>183</v>
          </cell>
          <cell r="Q37">
            <v>2060</v>
          </cell>
          <cell r="R37" t="str">
            <v>Parks &amp; Open Spaces</v>
          </cell>
        </row>
        <row r="38">
          <cell r="A38" t="str">
            <v>2T046</v>
          </cell>
          <cell r="C38" t="str">
            <v>MJ06TYZ</v>
          </cell>
          <cell r="D38">
            <v>10000</v>
          </cell>
          <cell r="F38">
            <v>39987</v>
          </cell>
          <cell r="G38">
            <v>0</v>
          </cell>
          <cell r="H38" t="str">
            <v>N/A</v>
          </cell>
          <cell r="I38">
            <v>555</v>
          </cell>
          <cell r="J38">
            <v>750</v>
          </cell>
          <cell r="L38">
            <v>47</v>
          </cell>
          <cell r="M38">
            <v>125</v>
          </cell>
          <cell r="N38">
            <v>400</v>
          </cell>
          <cell r="O38">
            <v>9.7500000000000003E-2</v>
          </cell>
          <cell r="P38">
            <v>183</v>
          </cell>
          <cell r="Q38">
            <v>2060</v>
          </cell>
          <cell r="R38" t="str">
            <v>Parks &amp; Open Spaces</v>
          </cell>
        </row>
        <row r="39">
          <cell r="A39" t="str">
            <v>2T048</v>
          </cell>
          <cell r="C39" t="str">
            <v>KE06LFB</v>
          </cell>
          <cell r="D39">
            <v>10000</v>
          </cell>
          <cell r="F39">
            <v>40721</v>
          </cell>
          <cell r="G39">
            <v>0</v>
          </cell>
          <cell r="H39" t="str">
            <v>N/A</v>
          </cell>
          <cell r="I39">
            <v>510</v>
          </cell>
          <cell r="J39">
            <v>750</v>
          </cell>
          <cell r="L39">
            <v>47</v>
          </cell>
          <cell r="M39">
            <v>0</v>
          </cell>
          <cell r="N39">
            <v>400</v>
          </cell>
          <cell r="O39">
            <v>0.1095</v>
          </cell>
          <cell r="P39">
            <v>186.91</v>
          </cell>
          <cell r="Q39">
            <v>1893.91</v>
          </cell>
          <cell r="R39" t="str">
            <v xml:space="preserve">Street Scene - Refuse </v>
          </cell>
        </row>
        <row r="40">
          <cell r="A40" t="str">
            <v>2T049</v>
          </cell>
          <cell r="C40" t="str">
            <v>KE06LFU</v>
          </cell>
          <cell r="D40">
            <v>10000</v>
          </cell>
          <cell r="F40">
            <v>40721</v>
          </cell>
          <cell r="G40">
            <v>0</v>
          </cell>
          <cell r="H40" t="str">
            <v>N/A</v>
          </cell>
          <cell r="I40">
            <v>510</v>
          </cell>
          <cell r="J40">
            <v>750</v>
          </cell>
          <cell r="L40">
            <v>47</v>
          </cell>
          <cell r="M40">
            <v>0</v>
          </cell>
          <cell r="N40">
            <v>400</v>
          </cell>
          <cell r="O40">
            <v>0.1095</v>
          </cell>
          <cell r="P40">
            <v>186.91</v>
          </cell>
          <cell r="Q40">
            <v>1893.91</v>
          </cell>
          <cell r="R40" t="str">
            <v xml:space="preserve">Street Scene - Refuse </v>
          </cell>
        </row>
        <row r="41">
          <cell r="A41" t="str">
            <v>2T050</v>
          </cell>
          <cell r="C41" t="str">
            <v>LS06DZC</v>
          </cell>
          <cell r="D41">
            <v>10000</v>
          </cell>
          <cell r="F41">
            <v>40026</v>
          </cell>
          <cell r="G41">
            <v>0</v>
          </cell>
          <cell r="H41" t="str">
            <v>N/A</v>
          </cell>
          <cell r="I41">
            <v>555</v>
          </cell>
          <cell r="J41">
            <v>750</v>
          </cell>
          <cell r="L41">
            <v>47</v>
          </cell>
          <cell r="M41">
            <v>125</v>
          </cell>
          <cell r="N41">
            <v>400</v>
          </cell>
          <cell r="O41">
            <v>9.7500000000000003E-2</v>
          </cell>
          <cell r="P41">
            <v>183</v>
          </cell>
          <cell r="Q41">
            <v>2060</v>
          </cell>
          <cell r="R41" t="str">
            <v>Parks &amp; Open Spaces</v>
          </cell>
        </row>
        <row r="42">
          <cell r="A42" t="str">
            <v>2T051</v>
          </cell>
          <cell r="C42" t="str">
            <v>LT06BUF</v>
          </cell>
          <cell r="D42">
            <v>10000</v>
          </cell>
          <cell r="F42">
            <v>40036</v>
          </cell>
          <cell r="G42">
            <v>0</v>
          </cell>
          <cell r="H42" t="str">
            <v>N/A</v>
          </cell>
          <cell r="I42">
            <v>555</v>
          </cell>
          <cell r="J42">
            <v>750</v>
          </cell>
          <cell r="L42">
            <v>47</v>
          </cell>
          <cell r="M42">
            <v>125</v>
          </cell>
          <cell r="N42">
            <v>400</v>
          </cell>
          <cell r="O42">
            <v>9.7500000000000003E-2</v>
          </cell>
          <cell r="P42">
            <v>183</v>
          </cell>
          <cell r="Q42">
            <v>2060</v>
          </cell>
          <cell r="R42" t="str">
            <v>Parks &amp; Open Spaces</v>
          </cell>
        </row>
        <row r="43">
          <cell r="A43" t="str">
            <v>2T052</v>
          </cell>
          <cell r="C43" t="str">
            <v>LT06BOJ</v>
          </cell>
          <cell r="D43">
            <v>10000</v>
          </cell>
          <cell r="F43">
            <v>40036</v>
          </cell>
          <cell r="G43">
            <v>0</v>
          </cell>
          <cell r="H43" t="str">
            <v>N/A</v>
          </cell>
          <cell r="I43">
            <v>555</v>
          </cell>
          <cell r="J43">
            <v>750</v>
          </cell>
          <cell r="L43">
            <v>47</v>
          </cell>
          <cell r="M43">
            <v>125</v>
          </cell>
          <cell r="N43">
            <v>400</v>
          </cell>
          <cell r="O43">
            <v>9.7500000000000003E-2</v>
          </cell>
          <cell r="P43">
            <v>183</v>
          </cell>
          <cell r="Q43">
            <v>2060</v>
          </cell>
          <cell r="R43" t="str">
            <v>Parks &amp; Open Spaces</v>
          </cell>
        </row>
        <row r="44">
          <cell r="A44" t="str">
            <v>2T053</v>
          </cell>
          <cell r="C44" t="str">
            <v>MJ06DVN</v>
          </cell>
          <cell r="D44">
            <v>10000</v>
          </cell>
          <cell r="F44">
            <v>40053</v>
          </cell>
          <cell r="G44">
            <v>0</v>
          </cell>
          <cell r="H44" t="str">
            <v>N/A</v>
          </cell>
          <cell r="I44">
            <v>555</v>
          </cell>
          <cell r="J44">
            <v>750</v>
          </cell>
          <cell r="L44">
            <v>47</v>
          </cell>
          <cell r="M44">
            <v>125</v>
          </cell>
          <cell r="N44">
            <v>400</v>
          </cell>
          <cell r="O44">
            <v>9.7500000000000003E-2</v>
          </cell>
          <cell r="P44">
            <v>183</v>
          </cell>
          <cell r="Q44">
            <v>2060</v>
          </cell>
          <cell r="R44" t="str">
            <v>Parks &amp; Open Spaces</v>
          </cell>
        </row>
        <row r="45">
          <cell r="A45" t="str">
            <v>2T054</v>
          </cell>
          <cell r="C45" t="str">
            <v>LN56TZG</v>
          </cell>
          <cell r="D45">
            <v>10000</v>
          </cell>
          <cell r="F45">
            <v>40194</v>
          </cell>
          <cell r="G45">
            <v>0</v>
          </cell>
          <cell r="H45" t="str">
            <v>N/A</v>
          </cell>
          <cell r="I45">
            <v>555</v>
          </cell>
          <cell r="J45">
            <v>750</v>
          </cell>
          <cell r="L45">
            <v>47</v>
          </cell>
          <cell r="M45">
            <v>125</v>
          </cell>
          <cell r="N45">
            <v>400</v>
          </cell>
          <cell r="O45">
            <v>0.1055</v>
          </cell>
          <cell r="P45">
            <v>198.02</v>
          </cell>
          <cell r="Q45">
            <v>2075.02</v>
          </cell>
          <cell r="R45" t="str">
            <v>Parks &amp; Open Spaces</v>
          </cell>
        </row>
        <row r="46">
          <cell r="A46" t="str">
            <v>2T055</v>
          </cell>
          <cell r="C46" t="str">
            <v>LN56TZK</v>
          </cell>
          <cell r="D46">
            <v>10000</v>
          </cell>
          <cell r="F46">
            <v>40194</v>
          </cell>
          <cell r="G46">
            <v>0</v>
          </cell>
          <cell r="H46" t="str">
            <v>N/A</v>
          </cell>
          <cell r="I46">
            <v>555</v>
          </cell>
          <cell r="J46">
            <v>750</v>
          </cell>
          <cell r="L46">
            <v>47</v>
          </cell>
          <cell r="M46">
            <v>125</v>
          </cell>
          <cell r="N46">
            <v>400</v>
          </cell>
          <cell r="O46">
            <v>0.1055</v>
          </cell>
          <cell r="P46">
            <v>198.02</v>
          </cell>
          <cell r="Q46">
            <v>2075.02</v>
          </cell>
          <cell r="R46" t="str">
            <v>Parks &amp; Open Spaces</v>
          </cell>
        </row>
        <row r="47">
          <cell r="A47" t="str">
            <v>2T056</v>
          </cell>
          <cell r="C47" t="str">
            <v>LN56UBG</v>
          </cell>
          <cell r="D47">
            <v>10000</v>
          </cell>
          <cell r="F47">
            <v>40194</v>
          </cell>
          <cell r="G47">
            <v>0</v>
          </cell>
          <cell r="H47" t="str">
            <v>N/A</v>
          </cell>
          <cell r="I47">
            <v>555</v>
          </cell>
          <cell r="J47">
            <v>750</v>
          </cell>
          <cell r="L47">
            <v>47</v>
          </cell>
          <cell r="M47">
            <v>125</v>
          </cell>
          <cell r="N47">
            <v>400</v>
          </cell>
          <cell r="O47">
            <v>0.1055</v>
          </cell>
          <cell r="P47">
            <v>198.02</v>
          </cell>
          <cell r="Q47">
            <v>2075.02</v>
          </cell>
          <cell r="R47" t="str">
            <v>Parks &amp; Open Spaces</v>
          </cell>
        </row>
        <row r="48">
          <cell r="A48" t="str">
            <v>2T057</v>
          </cell>
          <cell r="C48" t="str">
            <v>LN56UBJ</v>
          </cell>
          <cell r="D48">
            <v>10000</v>
          </cell>
          <cell r="F48">
            <v>40194</v>
          </cell>
          <cell r="G48">
            <v>0</v>
          </cell>
          <cell r="H48" t="str">
            <v>N/A</v>
          </cell>
          <cell r="I48">
            <v>555</v>
          </cell>
          <cell r="J48">
            <v>750</v>
          </cell>
          <cell r="L48">
            <v>47</v>
          </cell>
          <cell r="M48">
            <v>125</v>
          </cell>
          <cell r="N48">
            <v>400</v>
          </cell>
          <cell r="O48">
            <v>0.1055</v>
          </cell>
          <cell r="P48">
            <v>198.02</v>
          </cell>
          <cell r="Q48">
            <v>2075.02</v>
          </cell>
          <cell r="R48" t="str">
            <v>Parks &amp; Open Spaces</v>
          </cell>
        </row>
        <row r="49">
          <cell r="A49" t="str">
            <v>2T058</v>
          </cell>
          <cell r="C49" t="str">
            <v>LN56UBL</v>
          </cell>
          <cell r="D49">
            <v>10000</v>
          </cell>
          <cell r="F49">
            <v>40194</v>
          </cell>
          <cell r="G49">
            <v>0</v>
          </cell>
          <cell r="H49" t="str">
            <v>N/A</v>
          </cell>
          <cell r="I49">
            <v>555</v>
          </cell>
          <cell r="J49">
            <v>750</v>
          </cell>
          <cell r="L49">
            <v>47</v>
          </cell>
          <cell r="M49">
            <v>125</v>
          </cell>
          <cell r="N49">
            <v>400</v>
          </cell>
          <cell r="O49">
            <v>0.1055</v>
          </cell>
          <cell r="P49">
            <v>198.02</v>
          </cell>
          <cell r="Q49">
            <v>2075.02</v>
          </cell>
          <cell r="R49" t="str">
            <v>Parks &amp; Open Spaces</v>
          </cell>
        </row>
        <row r="50">
          <cell r="A50" t="str">
            <v>2T059</v>
          </cell>
          <cell r="C50" t="str">
            <v>LN56UBO</v>
          </cell>
          <cell r="D50">
            <v>10000</v>
          </cell>
          <cell r="F50">
            <v>40194</v>
          </cell>
          <cell r="G50">
            <v>0</v>
          </cell>
          <cell r="H50" t="str">
            <v>N/A</v>
          </cell>
          <cell r="I50">
            <v>555</v>
          </cell>
          <cell r="J50">
            <v>750</v>
          </cell>
          <cell r="L50">
            <v>47</v>
          </cell>
          <cell r="M50">
            <v>125</v>
          </cell>
          <cell r="N50">
            <v>400</v>
          </cell>
          <cell r="O50">
            <v>0.1055</v>
          </cell>
          <cell r="P50">
            <v>198.02</v>
          </cell>
          <cell r="Q50">
            <v>2075.02</v>
          </cell>
          <cell r="R50" t="str">
            <v>Parks &amp; Open Spaces</v>
          </cell>
        </row>
        <row r="51">
          <cell r="A51" t="str">
            <v>2T060</v>
          </cell>
          <cell r="C51" t="str">
            <v>LS56FKR</v>
          </cell>
          <cell r="D51">
            <v>10000</v>
          </cell>
          <cell r="F51">
            <v>40207</v>
          </cell>
          <cell r="G51">
            <v>0</v>
          </cell>
          <cell r="H51" t="str">
            <v>N/A</v>
          </cell>
          <cell r="I51">
            <v>555</v>
          </cell>
          <cell r="J51">
            <v>700</v>
          </cell>
          <cell r="L51">
            <v>47</v>
          </cell>
          <cell r="M51">
            <v>0</v>
          </cell>
          <cell r="N51">
            <v>400</v>
          </cell>
          <cell r="O51">
            <v>0.1</v>
          </cell>
          <cell r="P51">
            <v>170.2</v>
          </cell>
          <cell r="Q51">
            <v>1872.2</v>
          </cell>
          <cell r="R51" t="str">
            <v>Street Scene - Cleansing</v>
          </cell>
        </row>
        <row r="52">
          <cell r="A52" t="str">
            <v>2T061</v>
          </cell>
          <cell r="C52" t="str">
            <v>LT07YSA</v>
          </cell>
          <cell r="D52">
            <v>10000</v>
          </cell>
          <cell r="F52">
            <v>40259</v>
          </cell>
          <cell r="G52">
            <v>0</v>
          </cell>
          <cell r="H52" t="str">
            <v>N/A</v>
          </cell>
          <cell r="I52">
            <v>555</v>
          </cell>
          <cell r="J52">
            <v>700</v>
          </cell>
          <cell r="L52">
            <v>47</v>
          </cell>
          <cell r="M52">
            <v>0</v>
          </cell>
          <cell r="N52">
            <v>400</v>
          </cell>
          <cell r="O52">
            <v>0.1</v>
          </cell>
          <cell r="P52">
            <v>170.2</v>
          </cell>
          <cell r="Q52">
            <v>1872.2</v>
          </cell>
          <cell r="R52" t="str">
            <v>Street Scene - Cleansing</v>
          </cell>
        </row>
        <row r="53">
          <cell r="A53" t="str">
            <v>2T062</v>
          </cell>
          <cell r="C53" t="str">
            <v>LT07YSB</v>
          </cell>
          <cell r="D53">
            <v>10000</v>
          </cell>
          <cell r="F53">
            <v>40258</v>
          </cell>
          <cell r="G53">
            <v>0</v>
          </cell>
          <cell r="H53" t="str">
            <v>N/A</v>
          </cell>
          <cell r="I53">
            <v>555</v>
          </cell>
          <cell r="J53">
            <v>700</v>
          </cell>
          <cell r="L53">
            <v>47</v>
          </cell>
          <cell r="M53">
            <v>0</v>
          </cell>
          <cell r="N53">
            <v>400</v>
          </cell>
          <cell r="O53">
            <v>0.1</v>
          </cell>
          <cell r="P53">
            <v>170.2</v>
          </cell>
          <cell r="Q53">
            <v>1872.2</v>
          </cell>
          <cell r="R53" t="str">
            <v>Street Scene - Cleansing</v>
          </cell>
        </row>
        <row r="54">
          <cell r="A54" t="str">
            <v>2T063</v>
          </cell>
          <cell r="C54" t="str">
            <v>LT07YRZ</v>
          </cell>
          <cell r="D54">
            <v>10000</v>
          </cell>
          <cell r="F54">
            <v>40259</v>
          </cell>
          <cell r="G54">
            <v>0</v>
          </cell>
          <cell r="H54" t="str">
            <v>N/A</v>
          </cell>
          <cell r="I54">
            <v>555</v>
          </cell>
          <cell r="J54">
            <v>700</v>
          </cell>
          <cell r="L54">
            <v>47</v>
          </cell>
          <cell r="M54">
            <v>0</v>
          </cell>
          <cell r="N54">
            <v>400</v>
          </cell>
          <cell r="O54">
            <v>0.1</v>
          </cell>
          <cell r="P54">
            <v>170.2</v>
          </cell>
          <cell r="Q54">
            <v>1872.2</v>
          </cell>
          <cell r="R54" t="str">
            <v>Street Scene - Cleansing</v>
          </cell>
        </row>
        <row r="55">
          <cell r="A55" t="str">
            <v>2T064</v>
          </cell>
          <cell r="C55" t="str">
            <v>LT07YRY</v>
          </cell>
          <cell r="D55">
            <v>10000</v>
          </cell>
          <cell r="F55">
            <v>40258</v>
          </cell>
          <cell r="G55">
            <v>0</v>
          </cell>
          <cell r="H55" t="str">
            <v>N/A</v>
          </cell>
          <cell r="I55">
            <v>555</v>
          </cell>
          <cell r="J55">
            <v>700</v>
          </cell>
          <cell r="L55">
            <v>47</v>
          </cell>
          <cell r="M55">
            <v>0</v>
          </cell>
          <cell r="N55">
            <v>400</v>
          </cell>
          <cell r="O55">
            <v>0.1</v>
          </cell>
          <cell r="P55">
            <v>170.2</v>
          </cell>
          <cell r="Q55">
            <v>1872.2</v>
          </cell>
          <cell r="R55" t="str">
            <v>Street Scene - Cleansing</v>
          </cell>
        </row>
        <row r="56">
          <cell r="A56" t="str">
            <v>2T065</v>
          </cell>
          <cell r="C56" t="str">
            <v>LN07UKU</v>
          </cell>
          <cell r="D56">
            <v>10000</v>
          </cell>
          <cell r="F56">
            <v>40256</v>
          </cell>
          <cell r="G56">
            <v>0</v>
          </cell>
          <cell r="H56" t="str">
            <v>N/A</v>
          </cell>
          <cell r="I56">
            <v>555</v>
          </cell>
          <cell r="J56">
            <v>700</v>
          </cell>
          <cell r="L56">
            <v>47</v>
          </cell>
          <cell r="M56">
            <v>0</v>
          </cell>
          <cell r="N56">
            <v>400</v>
          </cell>
          <cell r="O56">
            <v>0.1</v>
          </cell>
          <cell r="P56">
            <v>170.2</v>
          </cell>
          <cell r="Q56">
            <v>1872.2</v>
          </cell>
          <cell r="R56" t="str">
            <v>Street Scene - Cleansing</v>
          </cell>
        </row>
        <row r="57">
          <cell r="A57" t="str">
            <v>2T066</v>
          </cell>
          <cell r="C57" t="str">
            <v>LN07UKT</v>
          </cell>
          <cell r="D57">
            <v>10000</v>
          </cell>
          <cell r="F57">
            <v>40256</v>
          </cell>
          <cell r="G57">
            <v>0</v>
          </cell>
          <cell r="H57" t="str">
            <v>N/A</v>
          </cell>
          <cell r="I57">
            <v>555</v>
          </cell>
          <cell r="J57">
            <v>700</v>
          </cell>
          <cell r="L57">
            <v>47</v>
          </cell>
          <cell r="M57">
            <v>0</v>
          </cell>
          <cell r="N57">
            <v>400</v>
          </cell>
          <cell r="O57">
            <v>0.1</v>
          </cell>
          <cell r="P57">
            <v>170.2</v>
          </cell>
          <cell r="Q57">
            <v>1872.2</v>
          </cell>
          <cell r="R57" t="str">
            <v>Street Scene - Cleansing</v>
          </cell>
        </row>
        <row r="58">
          <cell r="A58" t="str">
            <v>2T067</v>
          </cell>
          <cell r="C58" t="str">
            <v>LN56UAC</v>
          </cell>
          <cell r="D58">
            <v>10000</v>
          </cell>
          <cell r="F58">
            <v>40243</v>
          </cell>
          <cell r="G58">
            <v>0</v>
          </cell>
          <cell r="H58" t="str">
            <v>N/A</v>
          </cell>
          <cell r="I58">
            <v>555</v>
          </cell>
          <cell r="J58">
            <v>700</v>
          </cell>
          <cell r="L58">
            <v>47</v>
          </cell>
          <cell r="M58">
            <v>0</v>
          </cell>
          <cell r="N58">
            <v>400</v>
          </cell>
          <cell r="O58">
            <v>0.1</v>
          </cell>
          <cell r="P58">
            <v>170.2</v>
          </cell>
          <cell r="Q58">
            <v>1872.2</v>
          </cell>
          <cell r="R58" t="str">
            <v>Street Scene - Cleansing</v>
          </cell>
        </row>
        <row r="59">
          <cell r="A59" t="str">
            <v>2T068</v>
          </cell>
          <cell r="C59" t="str">
            <v>LN07UKG</v>
          </cell>
          <cell r="D59">
            <v>10000</v>
          </cell>
          <cell r="F59">
            <v>40249</v>
          </cell>
          <cell r="G59">
            <v>0</v>
          </cell>
          <cell r="H59" t="str">
            <v>N/A</v>
          </cell>
          <cell r="I59">
            <v>555</v>
          </cell>
          <cell r="J59">
            <v>700</v>
          </cell>
          <cell r="L59">
            <v>47</v>
          </cell>
          <cell r="M59">
            <v>0</v>
          </cell>
          <cell r="N59">
            <v>400</v>
          </cell>
          <cell r="O59">
            <v>0.1</v>
          </cell>
          <cell r="P59">
            <v>170.2</v>
          </cell>
          <cell r="Q59">
            <v>1872.2</v>
          </cell>
          <cell r="R59" t="str">
            <v>Street Scene - Cleansing</v>
          </cell>
        </row>
        <row r="60">
          <cell r="A60" t="str">
            <v>2T069</v>
          </cell>
          <cell r="C60" t="str">
            <v>LN07UKV</v>
          </cell>
          <cell r="D60">
            <v>10000</v>
          </cell>
          <cell r="F60">
            <v>40258</v>
          </cell>
          <cell r="G60">
            <v>0</v>
          </cell>
          <cell r="H60" t="str">
            <v>N/A</v>
          </cell>
          <cell r="I60">
            <v>555</v>
          </cell>
          <cell r="J60">
            <v>700</v>
          </cell>
          <cell r="L60">
            <v>47</v>
          </cell>
          <cell r="M60">
            <v>0</v>
          </cell>
          <cell r="N60">
            <v>400</v>
          </cell>
          <cell r="O60">
            <v>0.1</v>
          </cell>
          <cell r="P60">
            <v>170.2</v>
          </cell>
          <cell r="Q60">
            <v>1872.2</v>
          </cell>
          <cell r="R60" t="str">
            <v>Street Scene - Cleansing</v>
          </cell>
        </row>
        <row r="61">
          <cell r="A61" t="str">
            <v>2T070</v>
          </cell>
          <cell r="C61" t="str">
            <v>LN07UKE</v>
          </cell>
          <cell r="D61">
            <v>10000</v>
          </cell>
          <cell r="F61">
            <v>40249</v>
          </cell>
          <cell r="G61">
            <v>0</v>
          </cell>
          <cell r="H61" t="str">
            <v>N/A</v>
          </cell>
          <cell r="I61">
            <v>555</v>
          </cell>
          <cell r="J61">
            <v>700</v>
          </cell>
          <cell r="L61">
            <v>47</v>
          </cell>
          <cell r="M61">
            <v>0</v>
          </cell>
          <cell r="N61">
            <v>400</v>
          </cell>
          <cell r="O61">
            <v>0.1</v>
          </cell>
          <cell r="P61">
            <v>170.2</v>
          </cell>
          <cell r="Q61">
            <v>1872.2</v>
          </cell>
          <cell r="R61" t="str">
            <v>Street Scene - Cleansing</v>
          </cell>
        </row>
        <row r="62">
          <cell r="A62" t="str">
            <v>2T071</v>
          </cell>
          <cell r="C62" t="str">
            <v>LT07YRX</v>
          </cell>
          <cell r="D62">
            <v>10000</v>
          </cell>
          <cell r="F62">
            <v>40259</v>
          </cell>
          <cell r="G62">
            <v>0</v>
          </cell>
          <cell r="H62" t="str">
            <v>N/A</v>
          </cell>
          <cell r="I62">
            <v>555</v>
          </cell>
          <cell r="J62">
            <v>700</v>
          </cell>
          <cell r="L62">
            <v>47</v>
          </cell>
          <cell r="M62">
            <v>0</v>
          </cell>
          <cell r="N62">
            <v>400</v>
          </cell>
          <cell r="O62">
            <v>0.1</v>
          </cell>
          <cell r="P62">
            <v>170.2</v>
          </cell>
          <cell r="Q62">
            <v>1872.2</v>
          </cell>
          <cell r="R62" t="str">
            <v>Street Scene - Cleansing</v>
          </cell>
        </row>
        <row r="63">
          <cell r="A63" t="str">
            <v>2T072</v>
          </cell>
          <cell r="C63" t="str">
            <v>LN57WUX</v>
          </cell>
          <cell r="D63">
            <v>10000</v>
          </cell>
          <cell r="Q63">
            <v>0</v>
          </cell>
          <cell r="R63" t="str">
            <v>Barnet Homes  -  Caretakers</v>
          </cell>
        </row>
        <row r="64">
          <cell r="A64" t="str">
            <v>2T073</v>
          </cell>
          <cell r="C64" t="str">
            <v>KE57FYR</v>
          </cell>
          <cell r="D64">
            <v>10000</v>
          </cell>
          <cell r="F64">
            <v>40501</v>
          </cell>
          <cell r="G64">
            <v>0</v>
          </cell>
          <cell r="H64" t="str">
            <v>N/A</v>
          </cell>
          <cell r="I64">
            <v>510</v>
          </cell>
          <cell r="J64">
            <v>750</v>
          </cell>
          <cell r="L64">
            <v>47</v>
          </cell>
          <cell r="M64">
            <v>0</v>
          </cell>
          <cell r="N64">
            <v>400</v>
          </cell>
          <cell r="O64">
            <v>0.1095</v>
          </cell>
          <cell r="P64">
            <v>186.91</v>
          </cell>
          <cell r="Q64">
            <v>1893.91</v>
          </cell>
          <cell r="R64" t="str">
            <v>Street Scene - Refuse</v>
          </cell>
        </row>
        <row r="65">
          <cell r="A65" t="str">
            <v>3A007</v>
          </cell>
          <cell r="C65" t="str">
            <v>KE51OYC</v>
          </cell>
          <cell r="D65">
            <v>10000</v>
          </cell>
          <cell r="Q65">
            <v>0</v>
          </cell>
          <cell r="R65" t="str">
            <v>Passenger Fleet</v>
          </cell>
        </row>
        <row r="66">
          <cell r="A66" t="str">
            <v>3A008</v>
          </cell>
          <cell r="C66" t="str">
            <v>KE51OYF</v>
          </cell>
          <cell r="D66">
            <v>10000</v>
          </cell>
          <cell r="Q66">
            <v>0</v>
          </cell>
          <cell r="R66" t="str">
            <v>Passenger Fleet</v>
          </cell>
        </row>
        <row r="67">
          <cell r="A67" t="str">
            <v>3A009</v>
          </cell>
          <cell r="C67" t="str">
            <v>KE51VHW</v>
          </cell>
          <cell r="D67">
            <v>10000</v>
          </cell>
          <cell r="F67">
            <v>39740</v>
          </cell>
          <cell r="G67">
            <v>0</v>
          </cell>
          <cell r="H67" t="str">
            <v>N/A</v>
          </cell>
          <cell r="I67">
            <v>660</v>
          </cell>
          <cell r="J67">
            <v>1900</v>
          </cell>
          <cell r="L67">
            <v>50</v>
          </cell>
          <cell r="M67">
            <v>240</v>
          </cell>
          <cell r="N67">
            <v>1300</v>
          </cell>
          <cell r="O67">
            <v>0.1</v>
          </cell>
          <cell r="P67">
            <v>415</v>
          </cell>
          <cell r="Q67">
            <v>4565</v>
          </cell>
          <cell r="R67" t="str">
            <v>Passenger Fleet</v>
          </cell>
        </row>
        <row r="68">
          <cell r="A68" t="str">
            <v>3A010</v>
          </cell>
          <cell r="C68" t="str">
            <v>KE51VHX</v>
          </cell>
          <cell r="D68">
            <v>10000</v>
          </cell>
          <cell r="F68">
            <v>39739</v>
          </cell>
          <cell r="G68">
            <v>0</v>
          </cell>
          <cell r="H68" t="str">
            <v>N/A</v>
          </cell>
          <cell r="I68">
            <v>660</v>
          </cell>
          <cell r="J68">
            <v>1900</v>
          </cell>
          <cell r="L68">
            <v>50</v>
          </cell>
          <cell r="M68">
            <v>240</v>
          </cell>
          <cell r="N68">
            <v>1300</v>
          </cell>
          <cell r="O68">
            <v>0.1</v>
          </cell>
          <cell r="P68">
            <v>415</v>
          </cell>
          <cell r="Q68">
            <v>4565</v>
          </cell>
          <cell r="R68" t="str">
            <v>Passenger Fleet</v>
          </cell>
        </row>
        <row r="69">
          <cell r="A69" t="str">
            <v>3A011</v>
          </cell>
          <cell r="C69" t="str">
            <v>KJ51DVH</v>
          </cell>
          <cell r="D69">
            <v>10000</v>
          </cell>
          <cell r="F69">
            <v>39766</v>
          </cell>
          <cell r="G69">
            <v>0</v>
          </cell>
          <cell r="H69" t="str">
            <v>N/A</v>
          </cell>
          <cell r="I69">
            <v>660</v>
          </cell>
          <cell r="J69">
            <v>1900</v>
          </cell>
          <cell r="L69">
            <v>50</v>
          </cell>
          <cell r="M69">
            <v>240</v>
          </cell>
          <cell r="N69">
            <v>1300</v>
          </cell>
          <cell r="O69">
            <v>0.1</v>
          </cell>
          <cell r="P69">
            <v>415</v>
          </cell>
          <cell r="Q69">
            <v>4565</v>
          </cell>
          <cell r="R69" t="str">
            <v>Passenger Fleet</v>
          </cell>
        </row>
        <row r="70">
          <cell r="A70" t="str">
            <v>3A012</v>
          </cell>
          <cell r="C70" t="str">
            <v>KJ51DVK</v>
          </cell>
          <cell r="D70">
            <v>10000</v>
          </cell>
          <cell r="F70">
            <v>39766</v>
          </cell>
          <cell r="G70">
            <v>0</v>
          </cell>
          <cell r="H70" t="str">
            <v>N/A</v>
          </cell>
          <cell r="I70">
            <v>660</v>
          </cell>
          <cell r="J70">
            <v>1900</v>
          </cell>
          <cell r="L70">
            <v>50</v>
          </cell>
          <cell r="M70">
            <v>240</v>
          </cell>
          <cell r="N70">
            <v>1300</v>
          </cell>
          <cell r="O70">
            <v>0.1</v>
          </cell>
          <cell r="P70">
            <v>415</v>
          </cell>
          <cell r="Q70">
            <v>4565</v>
          </cell>
          <cell r="R70" t="str">
            <v>Passenger Fleet</v>
          </cell>
        </row>
        <row r="71">
          <cell r="A71" t="str">
            <v>3A013</v>
          </cell>
          <cell r="C71" t="str">
            <v>KC51LRN</v>
          </cell>
          <cell r="D71">
            <v>10000</v>
          </cell>
          <cell r="F71">
            <v>39845</v>
          </cell>
          <cell r="G71">
            <v>0</v>
          </cell>
          <cell r="H71" t="str">
            <v>N/A</v>
          </cell>
          <cell r="I71">
            <v>660</v>
          </cell>
          <cell r="J71">
            <v>1900</v>
          </cell>
          <cell r="L71">
            <v>50</v>
          </cell>
          <cell r="M71">
            <v>240</v>
          </cell>
          <cell r="N71">
            <v>1300</v>
          </cell>
          <cell r="O71">
            <v>0.1</v>
          </cell>
          <cell r="P71">
            <v>415</v>
          </cell>
          <cell r="Q71">
            <v>4565</v>
          </cell>
          <cell r="R71" t="str">
            <v>Passenger Fleet</v>
          </cell>
        </row>
        <row r="72">
          <cell r="A72" t="str">
            <v>3A014</v>
          </cell>
          <cell r="C72" t="str">
            <v>KC51LRO</v>
          </cell>
          <cell r="D72">
            <v>10000</v>
          </cell>
          <cell r="F72">
            <v>39845</v>
          </cell>
          <cell r="G72">
            <v>0</v>
          </cell>
          <cell r="H72" t="str">
            <v>N/A</v>
          </cell>
          <cell r="I72">
            <v>660</v>
          </cell>
          <cell r="J72">
            <v>1900</v>
          </cell>
          <cell r="L72">
            <v>50</v>
          </cell>
          <cell r="M72">
            <v>240</v>
          </cell>
          <cell r="N72">
            <v>1300</v>
          </cell>
          <cell r="O72">
            <v>0.1</v>
          </cell>
          <cell r="P72">
            <v>415</v>
          </cell>
          <cell r="Q72">
            <v>4565</v>
          </cell>
          <cell r="R72" t="str">
            <v>Passenger Fleet</v>
          </cell>
        </row>
        <row r="73">
          <cell r="A73" t="str">
            <v>3A015</v>
          </cell>
          <cell r="C73" t="str">
            <v>KC51LCE</v>
          </cell>
          <cell r="D73">
            <v>10000</v>
          </cell>
          <cell r="F73">
            <v>39845</v>
          </cell>
          <cell r="G73">
            <v>0</v>
          </cell>
          <cell r="H73" t="str">
            <v>N/A</v>
          </cell>
          <cell r="I73">
            <v>660</v>
          </cell>
          <cell r="J73">
            <v>1900</v>
          </cell>
          <cell r="L73">
            <v>50</v>
          </cell>
          <cell r="M73">
            <v>240</v>
          </cell>
          <cell r="N73">
            <v>1300</v>
          </cell>
          <cell r="O73">
            <v>0.1</v>
          </cell>
          <cell r="P73">
            <v>415</v>
          </cell>
          <cell r="Q73">
            <v>4565</v>
          </cell>
          <cell r="R73" t="str">
            <v>Passenger Fleet</v>
          </cell>
        </row>
        <row r="74">
          <cell r="A74" t="str">
            <v>3A016</v>
          </cell>
          <cell r="C74" t="str">
            <v>KC51LCF</v>
          </cell>
          <cell r="D74">
            <v>10000</v>
          </cell>
          <cell r="F74">
            <v>39845</v>
          </cell>
          <cell r="G74">
            <v>0</v>
          </cell>
          <cell r="H74" t="str">
            <v>N/A</v>
          </cell>
          <cell r="I74">
            <v>660</v>
          </cell>
          <cell r="J74">
            <v>1900</v>
          </cell>
          <cell r="L74">
            <v>50</v>
          </cell>
          <cell r="M74">
            <v>240</v>
          </cell>
          <cell r="N74">
            <v>1300</v>
          </cell>
          <cell r="O74">
            <v>0.1</v>
          </cell>
          <cell r="P74">
            <v>415</v>
          </cell>
          <cell r="Q74">
            <v>4565</v>
          </cell>
          <cell r="R74" t="str">
            <v>Passenger Fleet</v>
          </cell>
        </row>
        <row r="75">
          <cell r="A75" t="str">
            <v>3A017</v>
          </cell>
          <cell r="C75" t="str">
            <v>KC51NAA</v>
          </cell>
          <cell r="D75">
            <v>10000</v>
          </cell>
          <cell r="F75">
            <v>39851</v>
          </cell>
          <cell r="G75">
            <v>0</v>
          </cell>
          <cell r="H75" t="str">
            <v>N/A</v>
          </cell>
          <cell r="I75">
            <v>660</v>
          </cell>
          <cell r="J75">
            <v>1900</v>
          </cell>
          <cell r="L75">
            <v>50</v>
          </cell>
          <cell r="M75">
            <v>240</v>
          </cell>
          <cell r="N75">
            <v>1300</v>
          </cell>
          <cell r="O75">
            <v>0.1</v>
          </cell>
          <cell r="P75">
            <v>415</v>
          </cell>
          <cell r="Q75">
            <v>4565</v>
          </cell>
          <cell r="R75" t="str">
            <v>Passenger Fleet</v>
          </cell>
        </row>
        <row r="76">
          <cell r="A76" t="str">
            <v>3A018</v>
          </cell>
          <cell r="C76" t="str">
            <v xml:space="preserve">KC51NAE </v>
          </cell>
          <cell r="D76">
            <v>10000</v>
          </cell>
          <cell r="F76">
            <v>39855</v>
          </cell>
          <cell r="G76">
            <v>0</v>
          </cell>
          <cell r="H76" t="str">
            <v>N/A</v>
          </cell>
          <cell r="I76">
            <v>660</v>
          </cell>
          <cell r="J76">
            <v>1900</v>
          </cell>
          <cell r="L76">
            <v>50</v>
          </cell>
          <cell r="M76">
            <v>240</v>
          </cell>
          <cell r="N76">
            <v>1300</v>
          </cell>
          <cell r="O76">
            <v>0.1</v>
          </cell>
          <cell r="P76">
            <v>415</v>
          </cell>
          <cell r="Q76">
            <v>4565</v>
          </cell>
          <cell r="R76" t="str">
            <v>Passenger Fleet</v>
          </cell>
        </row>
        <row r="77">
          <cell r="A77" t="str">
            <v>3A019</v>
          </cell>
          <cell r="C77" t="str">
            <v>KC51NUM</v>
          </cell>
          <cell r="D77">
            <v>10000</v>
          </cell>
          <cell r="F77">
            <v>39863</v>
          </cell>
          <cell r="G77">
            <v>0</v>
          </cell>
          <cell r="H77" t="str">
            <v>N/A</v>
          </cell>
          <cell r="I77">
            <v>660</v>
          </cell>
          <cell r="J77">
            <v>1900</v>
          </cell>
          <cell r="L77">
            <v>50</v>
          </cell>
          <cell r="M77">
            <v>240</v>
          </cell>
          <cell r="N77">
            <v>1300</v>
          </cell>
          <cell r="O77">
            <v>0.1</v>
          </cell>
          <cell r="P77">
            <v>415</v>
          </cell>
          <cell r="Q77">
            <v>4565</v>
          </cell>
          <cell r="R77" t="str">
            <v>Passenger Fleet</v>
          </cell>
        </row>
        <row r="78">
          <cell r="A78" t="str">
            <v>3A020</v>
          </cell>
          <cell r="C78" t="str">
            <v>KL02CZW</v>
          </cell>
          <cell r="D78">
            <v>10000</v>
          </cell>
          <cell r="F78">
            <v>39898</v>
          </cell>
          <cell r="G78">
            <v>0</v>
          </cell>
          <cell r="H78" t="str">
            <v>N/A</v>
          </cell>
          <cell r="I78">
            <v>660</v>
          </cell>
          <cell r="J78">
            <v>1900</v>
          </cell>
          <cell r="L78">
            <v>50</v>
          </cell>
          <cell r="M78">
            <v>240</v>
          </cell>
          <cell r="N78">
            <v>1300</v>
          </cell>
          <cell r="O78">
            <v>0.1</v>
          </cell>
          <cell r="P78">
            <v>415</v>
          </cell>
          <cell r="Q78">
            <v>4565</v>
          </cell>
          <cell r="R78" t="str">
            <v>Passenger Fleet</v>
          </cell>
        </row>
        <row r="79">
          <cell r="A79" t="str">
            <v>3A021</v>
          </cell>
          <cell r="C79" t="str">
            <v>KL02CYS</v>
          </cell>
          <cell r="D79">
            <v>10000</v>
          </cell>
          <cell r="F79">
            <v>39905</v>
          </cell>
          <cell r="G79">
            <v>0</v>
          </cell>
          <cell r="H79" t="str">
            <v>N/A</v>
          </cell>
          <cell r="I79">
            <v>660</v>
          </cell>
          <cell r="J79">
            <v>1900</v>
          </cell>
          <cell r="L79">
            <v>50</v>
          </cell>
          <cell r="M79">
            <v>240</v>
          </cell>
          <cell r="N79">
            <v>1300</v>
          </cell>
          <cell r="O79">
            <v>0.1</v>
          </cell>
          <cell r="P79">
            <v>415</v>
          </cell>
          <cell r="Q79">
            <v>4565</v>
          </cell>
          <cell r="R79" t="str">
            <v>Passenger Fleet</v>
          </cell>
        </row>
        <row r="80">
          <cell r="A80" t="str">
            <v>3A022</v>
          </cell>
          <cell r="C80" t="str">
            <v>KF02UXB</v>
          </cell>
          <cell r="D80">
            <v>10000</v>
          </cell>
          <cell r="F80">
            <v>39925</v>
          </cell>
          <cell r="G80">
            <v>0</v>
          </cell>
          <cell r="H80" t="str">
            <v>N/A</v>
          </cell>
          <cell r="I80">
            <v>660</v>
          </cell>
          <cell r="J80">
            <v>1900</v>
          </cell>
          <cell r="L80">
            <v>50</v>
          </cell>
          <cell r="M80">
            <v>240</v>
          </cell>
          <cell r="N80">
            <v>1300</v>
          </cell>
          <cell r="O80">
            <v>0.1</v>
          </cell>
          <cell r="P80">
            <v>415</v>
          </cell>
          <cell r="Q80">
            <v>4565</v>
          </cell>
          <cell r="R80" t="str">
            <v>Passenger Fleet</v>
          </cell>
        </row>
        <row r="81">
          <cell r="A81" t="str">
            <v>3A023</v>
          </cell>
          <cell r="C81" t="str">
            <v>KF02UXS</v>
          </cell>
          <cell r="D81">
            <v>10000</v>
          </cell>
          <cell r="F81">
            <v>39934</v>
          </cell>
          <cell r="G81">
            <v>0</v>
          </cell>
          <cell r="H81" t="str">
            <v>N/A</v>
          </cell>
          <cell r="I81">
            <v>660</v>
          </cell>
          <cell r="J81">
            <v>1900</v>
          </cell>
          <cell r="L81">
            <v>50</v>
          </cell>
          <cell r="M81">
            <v>240</v>
          </cell>
          <cell r="N81">
            <v>1300</v>
          </cell>
          <cell r="O81">
            <v>0.1</v>
          </cell>
          <cell r="P81">
            <v>415</v>
          </cell>
          <cell r="Q81">
            <v>4565</v>
          </cell>
          <cell r="R81" t="str">
            <v>Passenger Fleet</v>
          </cell>
        </row>
        <row r="82">
          <cell r="A82" t="str">
            <v>3A024</v>
          </cell>
          <cell r="C82" t="str">
            <v>KL02JVF</v>
          </cell>
          <cell r="D82">
            <v>10000</v>
          </cell>
          <cell r="F82">
            <v>39943</v>
          </cell>
          <cell r="G82">
            <v>0</v>
          </cell>
          <cell r="H82" t="str">
            <v>N/A</v>
          </cell>
          <cell r="I82">
            <v>660</v>
          </cell>
          <cell r="J82">
            <v>1900</v>
          </cell>
          <cell r="L82">
            <v>50</v>
          </cell>
          <cell r="M82">
            <v>240</v>
          </cell>
          <cell r="N82">
            <v>1300</v>
          </cell>
          <cell r="O82">
            <v>0.1</v>
          </cell>
          <cell r="P82">
            <v>415</v>
          </cell>
          <cell r="Q82">
            <v>4565</v>
          </cell>
          <cell r="R82" t="str">
            <v>Passenger Fleet</v>
          </cell>
        </row>
        <row r="83">
          <cell r="A83" t="str">
            <v>3A025</v>
          </cell>
          <cell r="C83" t="str">
            <v>KG02YTT</v>
          </cell>
          <cell r="D83">
            <v>10000</v>
          </cell>
          <cell r="F83">
            <v>39953</v>
          </cell>
          <cell r="G83">
            <v>0</v>
          </cell>
          <cell r="H83" t="str">
            <v>N/A</v>
          </cell>
          <cell r="I83">
            <v>660</v>
          </cell>
          <cell r="J83">
            <v>1900</v>
          </cell>
          <cell r="L83">
            <v>50</v>
          </cell>
          <cell r="M83">
            <v>240</v>
          </cell>
          <cell r="N83">
            <v>1300</v>
          </cell>
          <cell r="O83">
            <v>0.1</v>
          </cell>
          <cell r="P83">
            <v>415</v>
          </cell>
          <cell r="Q83">
            <v>4565</v>
          </cell>
          <cell r="R83" t="str">
            <v>Passenger Fleet</v>
          </cell>
        </row>
        <row r="84">
          <cell r="A84" t="str">
            <v>3A026</v>
          </cell>
          <cell r="C84" t="str">
            <v>KG02YVT</v>
          </cell>
          <cell r="D84">
            <v>10000</v>
          </cell>
          <cell r="F84">
            <v>39960</v>
          </cell>
          <cell r="G84">
            <v>0</v>
          </cell>
          <cell r="H84" t="str">
            <v>N/A</v>
          </cell>
          <cell r="I84">
            <v>660</v>
          </cell>
          <cell r="J84">
            <v>1900</v>
          </cell>
          <cell r="L84">
            <v>50</v>
          </cell>
          <cell r="M84">
            <v>240</v>
          </cell>
          <cell r="N84">
            <v>1300</v>
          </cell>
          <cell r="O84">
            <v>0.1</v>
          </cell>
          <cell r="P84">
            <v>415</v>
          </cell>
          <cell r="Q84">
            <v>4565</v>
          </cell>
          <cell r="R84" t="str">
            <v>Passenger Fleet</v>
          </cell>
        </row>
        <row r="85">
          <cell r="A85" t="str">
            <v>3A027</v>
          </cell>
          <cell r="C85" t="str">
            <v>KL02NWD</v>
          </cell>
          <cell r="D85">
            <v>10000</v>
          </cell>
          <cell r="F85">
            <v>39969</v>
          </cell>
          <cell r="G85">
            <v>0</v>
          </cell>
          <cell r="H85" t="str">
            <v>N/A</v>
          </cell>
          <cell r="I85">
            <v>660</v>
          </cell>
          <cell r="J85">
            <v>1900</v>
          </cell>
          <cell r="L85">
            <v>50</v>
          </cell>
          <cell r="M85">
            <v>240</v>
          </cell>
          <cell r="N85">
            <v>1300</v>
          </cell>
          <cell r="O85">
            <v>0.1</v>
          </cell>
          <cell r="P85">
            <v>415</v>
          </cell>
          <cell r="Q85">
            <v>4565</v>
          </cell>
          <cell r="R85" t="str">
            <v>Passenger Fleet</v>
          </cell>
        </row>
        <row r="86">
          <cell r="A86" t="str">
            <v>3A028</v>
          </cell>
          <cell r="C86" t="str">
            <v>KG02YXN</v>
          </cell>
          <cell r="D86">
            <v>10000</v>
          </cell>
          <cell r="F86">
            <v>39969</v>
          </cell>
          <cell r="G86">
            <v>0</v>
          </cell>
          <cell r="H86" t="str">
            <v>N/A</v>
          </cell>
          <cell r="I86">
            <v>660</v>
          </cell>
          <cell r="J86">
            <v>1900</v>
          </cell>
          <cell r="L86">
            <v>50</v>
          </cell>
          <cell r="M86">
            <v>240</v>
          </cell>
          <cell r="N86">
            <v>1300</v>
          </cell>
          <cell r="O86">
            <v>0.1</v>
          </cell>
          <cell r="P86">
            <v>415</v>
          </cell>
          <cell r="Q86">
            <v>4565</v>
          </cell>
          <cell r="R86" t="str">
            <v>Passenger Fleet</v>
          </cell>
        </row>
        <row r="87">
          <cell r="A87" t="str">
            <v>3A029</v>
          </cell>
          <cell r="C87" t="str">
            <v>KG02YUV</v>
          </cell>
          <cell r="D87">
            <v>10000</v>
          </cell>
          <cell r="F87">
            <v>39977</v>
          </cell>
          <cell r="G87">
            <v>0</v>
          </cell>
          <cell r="H87" t="str">
            <v>N/A</v>
          </cell>
          <cell r="I87">
            <v>660</v>
          </cell>
          <cell r="J87">
            <v>1900</v>
          </cell>
          <cell r="L87">
            <v>50</v>
          </cell>
          <cell r="M87">
            <v>240</v>
          </cell>
          <cell r="N87">
            <v>1300</v>
          </cell>
          <cell r="O87">
            <v>0.1</v>
          </cell>
          <cell r="P87">
            <v>415</v>
          </cell>
          <cell r="Q87">
            <v>4565</v>
          </cell>
          <cell r="R87" t="str">
            <v>Passenger Fleet</v>
          </cell>
        </row>
        <row r="88">
          <cell r="A88" t="str">
            <v>3A030</v>
          </cell>
          <cell r="C88" t="str">
            <v>KG02YWL</v>
          </cell>
          <cell r="D88">
            <v>10000</v>
          </cell>
          <cell r="F88">
            <v>40009</v>
          </cell>
          <cell r="G88">
            <v>0</v>
          </cell>
          <cell r="H88" t="str">
            <v>N/A</v>
          </cell>
          <cell r="I88">
            <v>660</v>
          </cell>
          <cell r="J88">
            <v>1900</v>
          </cell>
          <cell r="L88">
            <v>50</v>
          </cell>
          <cell r="M88">
            <v>240</v>
          </cell>
          <cell r="N88">
            <v>1300</v>
          </cell>
          <cell r="O88">
            <v>0.1</v>
          </cell>
          <cell r="P88">
            <v>415</v>
          </cell>
          <cell r="Q88">
            <v>4565</v>
          </cell>
          <cell r="R88" t="str">
            <v>Passenger Fleet</v>
          </cell>
        </row>
        <row r="89">
          <cell r="A89" t="str">
            <v>3A031</v>
          </cell>
          <cell r="C89" t="str">
            <v>KC02AKX</v>
          </cell>
          <cell r="D89">
            <v>10000</v>
          </cell>
          <cell r="F89">
            <v>40002</v>
          </cell>
          <cell r="G89">
            <v>0</v>
          </cell>
          <cell r="H89" t="str">
            <v>N/A</v>
          </cell>
          <cell r="I89">
            <v>660</v>
          </cell>
          <cell r="J89">
            <v>1900</v>
          </cell>
          <cell r="L89">
            <v>50</v>
          </cell>
          <cell r="M89">
            <v>240</v>
          </cell>
          <cell r="N89">
            <v>1300</v>
          </cell>
          <cell r="O89">
            <v>0.1</v>
          </cell>
          <cell r="P89">
            <v>415</v>
          </cell>
          <cell r="Q89">
            <v>4565</v>
          </cell>
          <cell r="R89" t="str">
            <v>Passenger Fleet</v>
          </cell>
        </row>
        <row r="90">
          <cell r="A90" t="str">
            <v>3A032</v>
          </cell>
          <cell r="C90" t="str">
            <v>KH02OKA</v>
          </cell>
          <cell r="D90">
            <v>10000</v>
          </cell>
          <cell r="F90">
            <v>40020</v>
          </cell>
          <cell r="G90">
            <v>0</v>
          </cell>
          <cell r="H90" t="str">
            <v>N/A</v>
          </cell>
          <cell r="I90">
            <v>660</v>
          </cell>
          <cell r="J90">
            <v>1900</v>
          </cell>
          <cell r="L90">
            <v>50</v>
          </cell>
          <cell r="M90">
            <v>240</v>
          </cell>
          <cell r="N90">
            <v>1300</v>
          </cell>
          <cell r="O90">
            <v>0.1</v>
          </cell>
          <cell r="P90">
            <v>415</v>
          </cell>
          <cell r="Q90">
            <v>4565</v>
          </cell>
          <cell r="R90" t="str">
            <v>Passenger Fleet</v>
          </cell>
        </row>
        <row r="91">
          <cell r="A91" t="str">
            <v>3A033</v>
          </cell>
          <cell r="C91" t="str">
            <v>KH02UDO</v>
          </cell>
          <cell r="D91">
            <v>10000</v>
          </cell>
          <cell r="Q91">
            <v>0</v>
          </cell>
          <cell r="R91" t="str">
            <v>Passenger Fleet</v>
          </cell>
        </row>
        <row r="92">
          <cell r="A92" t="str">
            <v>4T027</v>
          </cell>
          <cell r="C92" t="str">
            <v>LK07EPA</v>
          </cell>
          <cell r="D92">
            <v>10000</v>
          </cell>
          <cell r="Q92">
            <v>0</v>
          </cell>
          <cell r="R92" t="str">
            <v>Barnet Homes  -  Caretakers</v>
          </cell>
        </row>
        <row r="93">
          <cell r="A93" t="str">
            <v>4T028</v>
          </cell>
          <cell r="C93" t="str">
            <v>LK07EPC</v>
          </cell>
          <cell r="D93">
            <v>10000</v>
          </cell>
          <cell r="Q93">
            <v>0</v>
          </cell>
          <cell r="R93" t="str">
            <v>Barnet Homes  -  Caretakers</v>
          </cell>
        </row>
        <row r="94">
          <cell r="A94" t="str">
            <v>4T029</v>
          </cell>
          <cell r="C94" t="str">
            <v>LK57CYH</v>
          </cell>
          <cell r="D94">
            <v>10000</v>
          </cell>
          <cell r="Q94">
            <v>0</v>
          </cell>
          <cell r="R94" t="str">
            <v>Barnet Homes  -  Caretakers</v>
          </cell>
        </row>
        <row r="95">
          <cell r="A95" t="str">
            <v>5S003</v>
          </cell>
          <cell r="C95" t="str">
            <v>KX04KMY</v>
          </cell>
          <cell r="D95">
            <v>20000</v>
          </cell>
          <cell r="F95">
            <v>40702</v>
          </cell>
          <cell r="G95">
            <v>0</v>
          </cell>
          <cell r="H95" t="str">
            <v>N/A</v>
          </cell>
          <cell r="I95">
            <v>1500</v>
          </cell>
          <cell r="J95">
            <v>2850</v>
          </cell>
          <cell r="L95">
            <v>49</v>
          </cell>
          <cell r="M95">
            <v>225</v>
          </cell>
          <cell r="N95">
            <v>1300</v>
          </cell>
          <cell r="O95">
            <v>0.14230000000000001</v>
          </cell>
          <cell r="P95">
            <v>842.98</v>
          </cell>
          <cell r="Q95">
            <v>6766.98</v>
          </cell>
          <cell r="R95" t="str">
            <v>Street Scene - Cleansing</v>
          </cell>
        </row>
        <row r="96">
          <cell r="A96" t="str">
            <v>5T001</v>
          </cell>
          <cell r="C96" t="str">
            <v>KX51XXZ</v>
          </cell>
          <cell r="D96">
            <v>15000</v>
          </cell>
          <cell r="F96">
            <v>39736</v>
          </cell>
          <cell r="G96">
            <v>0</v>
          </cell>
          <cell r="H96" t="str">
            <v>N/A</v>
          </cell>
          <cell r="I96">
            <v>1530</v>
          </cell>
          <cell r="J96">
            <v>3150</v>
          </cell>
          <cell r="L96">
            <v>49</v>
          </cell>
          <cell r="M96">
            <v>225</v>
          </cell>
          <cell r="N96">
            <v>1300</v>
          </cell>
          <cell r="O96">
            <v>0.1</v>
          </cell>
          <cell r="P96">
            <v>625.4</v>
          </cell>
          <cell r="Q96">
            <v>6879.4</v>
          </cell>
          <cell r="R96" t="str">
            <v>Street Scene - Cleansing</v>
          </cell>
        </row>
        <row r="97">
          <cell r="A97" t="str">
            <v>5T002</v>
          </cell>
          <cell r="C97" t="str">
            <v>KX54HRN</v>
          </cell>
          <cell r="D97">
            <v>10000</v>
          </cell>
          <cell r="F97">
            <v>39781</v>
          </cell>
          <cell r="G97">
            <v>0</v>
          </cell>
          <cell r="H97" t="str">
            <v>N/A</v>
          </cell>
          <cell r="I97">
            <v>1650</v>
          </cell>
          <cell r="J97">
            <v>3300</v>
          </cell>
          <cell r="L97">
            <v>49</v>
          </cell>
          <cell r="M97">
            <v>225</v>
          </cell>
          <cell r="N97">
            <v>1300</v>
          </cell>
          <cell r="O97">
            <v>0.1</v>
          </cell>
          <cell r="P97">
            <v>652.4</v>
          </cell>
          <cell r="Q97">
            <v>7176.4</v>
          </cell>
          <cell r="R97" t="str">
            <v>Highway Maintainance</v>
          </cell>
        </row>
        <row r="98">
          <cell r="A98" t="str">
            <v>6B200</v>
          </cell>
          <cell r="C98" t="str">
            <v>Y341HDU</v>
          </cell>
          <cell r="D98">
            <v>20000</v>
          </cell>
          <cell r="Q98">
            <v>13184</v>
          </cell>
          <cell r="R98" t="str">
            <v>Street Scene - Cleansing</v>
          </cell>
        </row>
        <row r="99">
          <cell r="A99" t="str">
            <v>6B201</v>
          </cell>
          <cell r="C99" t="str">
            <v>Y342HDU</v>
          </cell>
          <cell r="D99">
            <v>20000</v>
          </cell>
          <cell r="Q99">
            <v>13184</v>
          </cell>
          <cell r="R99" t="str">
            <v>Street Scene - Refuse</v>
          </cell>
        </row>
        <row r="100">
          <cell r="A100" t="str">
            <v>6B202</v>
          </cell>
          <cell r="C100" t="str">
            <v>Y441HDU</v>
          </cell>
          <cell r="D100">
            <v>20000</v>
          </cell>
          <cell r="Q100">
            <v>13184</v>
          </cell>
          <cell r="R100" t="str">
            <v>Street Scene - Refuse</v>
          </cell>
        </row>
        <row r="101">
          <cell r="A101" t="str">
            <v>6B203</v>
          </cell>
          <cell r="C101" t="str">
            <v>VX51GOE</v>
          </cell>
          <cell r="D101">
            <v>20000</v>
          </cell>
          <cell r="F101">
            <v>39789</v>
          </cell>
          <cell r="G101">
            <v>0</v>
          </cell>
          <cell r="H101" t="str">
            <v>N/A</v>
          </cell>
          <cell r="I101">
            <v>4170</v>
          </cell>
          <cell r="J101">
            <v>6500</v>
          </cell>
          <cell r="L101">
            <v>70</v>
          </cell>
          <cell r="M101">
            <v>135</v>
          </cell>
          <cell r="N101">
            <v>1300</v>
          </cell>
          <cell r="O101">
            <v>8.2600000000000007E-2</v>
          </cell>
          <cell r="P101">
            <v>1005.65</v>
          </cell>
          <cell r="Q101">
            <v>13180.65</v>
          </cell>
          <cell r="R101" t="str">
            <v>Street Scene - Refuse</v>
          </cell>
        </row>
        <row r="102">
          <cell r="A102" t="str">
            <v>6B204</v>
          </cell>
          <cell r="C102" t="str">
            <v>VX51GOH</v>
          </cell>
          <cell r="D102">
            <v>20000</v>
          </cell>
          <cell r="F102">
            <v>39789</v>
          </cell>
          <cell r="G102">
            <v>0</v>
          </cell>
          <cell r="H102" t="str">
            <v>N/A</v>
          </cell>
          <cell r="I102">
            <v>4170</v>
          </cell>
          <cell r="J102">
            <v>6500</v>
          </cell>
          <cell r="L102">
            <v>70</v>
          </cell>
          <cell r="M102">
            <v>135</v>
          </cell>
          <cell r="N102">
            <v>1300</v>
          </cell>
          <cell r="O102">
            <v>8.2600000000000007E-2</v>
          </cell>
          <cell r="P102">
            <v>1005.65</v>
          </cell>
          <cell r="Q102">
            <v>13180.65</v>
          </cell>
          <cell r="R102" t="str">
            <v>Street Scene - Refuse</v>
          </cell>
        </row>
        <row r="103">
          <cell r="A103" t="str">
            <v>6B205</v>
          </cell>
          <cell r="C103" t="str">
            <v>VX51GOJ</v>
          </cell>
          <cell r="D103">
            <v>20000</v>
          </cell>
          <cell r="F103">
            <v>39789</v>
          </cell>
          <cell r="G103">
            <v>0</v>
          </cell>
          <cell r="H103" t="str">
            <v>N/A</v>
          </cell>
          <cell r="I103">
            <v>4170</v>
          </cell>
          <cell r="J103">
            <v>6500</v>
          </cell>
          <cell r="L103">
            <v>70</v>
          </cell>
          <cell r="M103">
            <v>135</v>
          </cell>
          <cell r="N103">
            <v>1300</v>
          </cell>
          <cell r="O103">
            <v>8.2600000000000007E-2</v>
          </cell>
          <cell r="P103">
            <v>1005.65</v>
          </cell>
          <cell r="Q103">
            <v>13180.65</v>
          </cell>
          <cell r="R103" t="str">
            <v>Street Scene - Refuse</v>
          </cell>
        </row>
        <row r="104">
          <cell r="A104" t="str">
            <v>6B206</v>
          </cell>
          <cell r="C104" t="str">
            <v>VX51GOK</v>
          </cell>
          <cell r="D104">
            <v>20000</v>
          </cell>
          <cell r="F104">
            <v>39789</v>
          </cell>
          <cell r="G104">
            <v>0</v>
          </cell>
          <cell r="H104" t="str">
            <v>N/A</v>
          </cell>
          <cell r="I104">
            <v>4170</v>
          </cell>
          <cell r="J104">
            <v>6500</v>
          </cell>
          <cell r="L104">
            <v>70</v>
          </cell>
          <cell r="M104">
            <v>135</v>
          </cell>
          <cell r="N104">
            <v>1300</v>
          </cell>
          <cell r="O104">
            <v>8.2600000000000007E-2</v>
          </cell>
          <cell r="P104">
            <v>1005.65</v>
          </cell>
          <cell r="Q104">
            <v>13180.65</v>
          </cell>
          <cell r="R104" t="str">
            <v>Street Scene - Refuse</v>
          </cell>
        </row>
        <row r="105">
          <cell r="A105" t="str">
            <v>6B207</v>
          </cell>
          <cell r="C105" t="str">
            <v>VX51GNZ</v>
          </cell>
          <cell r="D105">
            <v>20000</v>
          </cell>
          <cell r="F105">
            <v>40247</v>
          </cell>
          <cell r="G105">
            <v>0</v>
          </cell>
          <cell r="H105" t="str">
            <v>N/A</v>
          </cell>
          <cell r="I105">
            <v>4170</v>
          </cell>
          <cell r="J105">
            <v>6500</v>
          </cell>
          <cell r="L105">
            <v>70</v>
          </cell>
          <cell r="M105">
            <v>135</v>
          </cell>
          <cell r="N105">
            <v>1300</v>
          </cell>
          <cell r="O105">
            <v>8.2600000000000007E-2</v>
          </cell>
          <cell r="P105">
            <v>1005.65</v>
          </cell>
          <cell r="Q105">
            <v>13180.65</v>
          </cell>
          <cell r="R105" t="str">
            <v>Street Scene - Refuse</v>
          </cell>
        </row>
        <row r="106">
          <cell r="A106" t="str">
            <v>6B208</v>
          </cell>
          <cell r="C106" t="str">
            <v>VU52TKN</v>
          </cell>
          <cell r="D106">
            <v>20000</v>
          </cell>
          <cell r="F106">
            <v>40247</v>
          </cell>
          <cell r="G106">
            <v>0</v>
          </cell>
          <cell r="H106" t="str">
            <v>N/A</v>
          </cell>
          <cell r="I106">
            <v>4170</v>
          </cell>
          <cell r="J106">
            <v>6500</v>
          </cell>
          <cell r="L106">
            <v>70</v>
          </cell>
          <cell r="M106">
            <v>135</v>
          </cell>
          <cell r="N106">
            <v>1300</v>
          </cell>
          <cell r="O106">
            <v>8.2600000000000007E-2</v>
          </cell>
          <cell r="P106">
            <v>1005.65</v>
          </cell>
          <cell r="Q106">
            <v>13180.65</v>
          </cell>
          <cell r="R106" t="str">
            <v>Street Scene - Refuse</v>
          </cell>
        </row>
        <row r="107">
          <cell r="A107" t="str">
            <v>6B209</v>
          </cell>
          <cell r="C107" t="str">
            <v>VX54BVB</v>
          </cell>
          <cell r="D107">
            <v>20000</v>
          </cell>
          <cell r="F107">
            <v>40848</v>
          </cell>
          <cell r="G107">
            <v>0</v>
          </cell>
          <cell r="H107" t="str">
            <v>N/A</v>
          </cell>
          <cell r="I107">
            <v>4170</v>
          </cell>
          <cell r="J107">
            <v>6500</v>
          </cell>
          <cell r="L107">
            <v>70</v>
          </cell>
          <cell r="M107">
            <v>135</v>
          </cell>
          <cell r="N107">
            <v>1300</v>
          </cell>
          <cell r="O107">
            <v>8.2600000000000007E-2</v>
          </cell>
          <cell r="P107">
            <v>1005.65</v>
          </cell>
          <cell r="Q107">
            <v>13180.65</v>
          </cell>
          <cell r="R107" t="str">
            <v>Street Scene - Refuse</v>
          </cell>
        </row>
        <row r="108">
          <cell r="A108" t="str">
            <v>6C001</v>
          </cell>
          <cell r="C108" t="str">
            <v>VK58JLU</v>
          </cell>
          <cell r="E108">
            <v>39756</v>
          </cell>
          <cell r="F108">
            <v>41576</v>
          </cell>
          <cell r="G108">
            <v>39166.400000000001</v>
          </cell>
          <cell r="H108">
            <v>21865</v>
          </cell>
          <cell r="I108">
            <v>3500</v>
          </cell>
          <cell r="J108">
            <v>6200</v>
          </cell>
          <cell r="K108">
            <v>650</v>
          </cell>
          <cell r="L108">
            <v>70</v>
          </cell>
          <cell r="M108">
            <v>135</v>
          </cell>
          <cell r="N108">
            <v>1300</v>
          </cell>
          <cell r="P108">
            <v>5446.4</v>
          </cell>
          <cell r="Q108">
            <v>39166.400000000001</v>
          </cell>
          <cell r="R108" t="str">
            <v>Street Scene - Refuse</v>
          </cell>
        </row>
        <row r="109">
          <cell r="A109" t="str">
            <v>6C002</v>
          </cell>
          <cell r="C109" t="str">
            <v>VK58JLV</v>
          </cell>
          <cell r="E109">
            <v>39756</v>
          </cell>
          <cell r="F109">
            <v>41581</v>
          </cell>
          <cell r="G109">
            <v>39166.400000000001</v>
          </cell>
          <cell r="H109">
            <v>21865</v>
          </cell>
          <cell r="I109">
            <v>3500</v>
          </cell>
          <cell r="J109">
            <v>6200</v>
          </cell>
          <cell r="K109">
            <v>650</v>
          </cell>
          <cell r="L109">
            <v>70</v>
          </cell>
          <cell r="M109">
            <v>135</v>
          </cell>
          <cell r="N109">
            <v>1300</v>
          </cell>
          <cell r="P109">
            <v>5446.4</v>
          </cell>
          <cell r="Q109">
            <v>39166.400000000001</v>
          </cell>
          <cell r="R109" t="str">
            <v>Street Scene - Refuse</v>
          </cell>
        </row>
        <row r="110">
          <cell r="A110" t="str">
            <v>6C003</v>
          </cell>
          <cell r="C110" t="str">
            <v>VK58JLX</v>
          </cell>
          <cell r="E110">
            <v>39756</v>
          </cell>
          <cell r="F110">
            <v>41581</v>
          </cell>
          <cell r="G110">
            <v>39166.400000000001</v>
          </cell>
          <cell r="H110">
            <v>21865</v>
          </cell>
          <cell r="I110">
            <v>3500</v>
          </cell>
          <cell r="J110">
            <v>6200</v>
          </cell>
          <cell r="K110">
            <v>650</v>
          </cell>
          <cell r="L110">
            <v>70</v>
          </cell>
          <cell r="M110">
            <v>135</v>
          </cell>
          <cell r="N110">
            <v>1300</v>
          </cell>
          <cell r="P110">
            <v>5446.4</v>
          </cell>
          <cell r="Q110">
            <v>39166.400000000001</v>
          </cell>
          <cell r="R110" t="str">
            <v>Street Scene - Refuse</v>
          </cell>
        </row>
        <row r="111">
          <cell r="A111" t="str">
            <v>6C004</v>
          </cell>
          <cell r="C111" t="str">
            <v>VN58GGO</v>
          </cell>
          <cell r="E111">
            <v>39815</v>
          </cell>
          <cell r="F111">
            <v>41640</v>
          </cell>
          <cell r="G111">
            <v>39166.400000000001</v>
          </cell>
          <cell r="H111">
            <v>21865</v>
          </cell>
          <cell r="I111">
            <v>3500</v>
          </cell>
          <cell r="J111">
            <v>6200</v>
          </cell>
          <cell r="K111">
            <v>650</v>
          </cell>
          <cell r="L111">
            <v>70</v>
          </cell>
          <cell r="M111">
            <v>135</v>
          </cell>
          <cell r="N111">
            <v>1300</v>
          </cell>
          <cell r="P111">
            <v>5446.4</v>
          </cell>
          <cell r="Q111">
            <v>39166.400000000001</v>
          </cell>
          <cell r="R111" t="str">
            <v>Street Scene - Refuse</v>
          </cell>
        </row>
        <row r="112">
          <cell r="A112" t="str">
            <v>6C005</v>
          </cell>
          <cell r="C112" t="str">
            <v>VN58GGP</v>
          </cell>
          <cell r="E112">
            <v>39819</v>
          </cell>
          <cell r="F112">
            <v>40913</v>
          </cell>
          <cell r="G112">
            <v>39166.400000000001</v>
          </cell>
          <cell r="H112">
            <v>21865</v>
          </cell>
          <cell r="I112">
            <v>3500</v>
          </cell>
          <cell r="J112">
            <v>6200</v>
          </cell>
          <cell r="K112">
            <v>650</v>
          </cell>
          <cell r="L112">
            <v>70</v>
          </cell>
          <cell r="M112">
            <v>135</v>
          </cell>
          <cell r="N112">
            <v>1300</v>
          </cell>
          <cell r="P112">
            <v>5446.4</v>
          </cell>
          <cell r="Q112">
            <v>39166.400000000001</v>
          </cell>
          <cell r="R112" t="str">
            <v>Street Scene - Refuse</v>
          </cell>
        </row>
        <row r="113">
          <cell r="A113" t="str">
            <v>6C006</v>
          </cell>
          <cell r="C113" t="str">
            <v>VN58GGU</v>
          </cell>
          <cell r="E113">
            <v>39839</v>
          </cell>
          <cell r="F113">
            <v>41664</v>
          </cell>
          <cell r="G113">
            <v>39166.400000000001</v>
          </cell>
          <cell r="H113">
            <v>21865</v>
          </cell>
          <cell r="I113">
            <v>3500</v>
          </cell>
          <cell r="J113">
            <v>6200</v>
          </cell>
          <cell r="K113">
            <v>650</v>
          </cell>
          <cell r="L113">
            <v>70</v>
          </cell>
          <cell r="M113">
            <v>135</v>
          </cell>
          <cell r="N113">
            <v>1300</v>
          </cell>
          <cell r="P113">
            <v>5446.4</v>
          </cell>
          <cell r="Q113">
            <v>39166.400000000001</v>
          </cell>
          <cell r="R113" t="str">
            <v>Street Scene - Refuse</v>
          </cell>
        </row>
        <row r="114">
          <cell r="A114" t="str">
            <v>6C007</v>
          </cell>
          <cell r="C114" t="str">
            <v>VN58GGV</v>
          </cell>
          <cell r="E114">
            <v>39860</v>
          </cell>
          <cell r="F114">
            <v>41685</v>
          </cell>
          <cell r="G114" t="str">
            <v>SPARE</v>
          </cell>
          <cell r="H114">
            <v>21865</v>
          </cell>
          <cell r="I114">
            <v>3500</v>
          </cell>
          <cell r="J114">
            <v>6200</v>
          </cell>
          <cell r="K114">
            <v>650</v>
          </cell>
          <cell r="L114">
            <v>70</v>
          </cell>
          <cell r="M114">
            <v>135</v>
          </cell>
          <cell r="N114">
            <v>1300</v>
          </cell>
          <cell r="P114">
            <v>5446.4</v>
          </cell>
          <cell r="Q114">
            <v>39166.400000000001</v>
          </cell>
          <cell r="R114" t="str">
            <v>Street Scene - Refuse</v>
          </cell>
        </row>
        <row r="115">
          <cell r="A115" t="str">
            <v>6D003</v>
          </cell>
          <cell r="C115" t="str">
            <v>VX51GNZ</v>
          </cell>
          <cell r="D115">
            <v>10000</v>
          </cell>
          <cell r="F115">
            <v>39789</v>
          </cell>
          <cell r="G115">
            <v>0</v>
          </cell>
          <cell r="H115" t="str">
            <v>N/A</v>
          </cell>
          <cell r="I115">
            <v>4170</v>
          </cell>
          <cell r="J115">
            <v>6500</v>
          </cell>
          <cell r="L115">
            <v>70</v>
          </cell>
          <cell r="M115">
            <v>135</v>
          </cell>
          <cell r="N115">
            <v>1300</v>
          </cell>
          <cell r="O115">
            <v>8.2900000000000001E-2</v>
          </cell>
          <cell r="P115">
            <v>1009.3</v>
          </cell>
          <cell r="Q115">
            <v>13184.3</v>
          </cell>
          <cell r="R115" t="str">
            <v>Street Scene - Refuse</v>
          </cell>
        </row>
        <row r="116">
          <cell r="A116" t="str">
            <v>6D004</v>
          </cell>
          <cell r="C116" t="str">
            <v>VX51GOA</v>
          </cell>
          <cell r="D116">
            <v>10000</v>
          </cell>
          <cell r="F116">
            <v>39789</v>
          </cell>
          <cell r="G116">
            <v>0</v>
          </cell>
          <cell r="H116" t="str">
            <v>N/A</v>
          </cell>
          <cell r="I116">
            <v>4170</v>
          </cell>
          <cell r="J116">
            <v>6500</v>
          </cell>
          <cell r="L116">
            <v>70</v>
          </cell>
          <cell r="M116">
            <v>135</v>
          </cell>
          <cell r="N116">
            <v>1300</v>
          </cell>
          <cell r="O116">
            <v>8.2900000000000001E-2</v>
          </cell>
          <cell r="P116">
            <v>1009.3</v>
          </cell>
          <cell r="Q116">
            <v>13184.3</v>
          </cell>
          <cell r="R116" t="str">
            <v>Street Scene - Refuse</v>
          </cell>
        </row>
        <row r="117">
          <cell r="A117" t="str">
            <v>6D005</v>
          </cell>
          <cell r="C117" t="str">
            <v>VX51GNZ</v>
          </cell>
          <cell r="D117">
            <v>10000</v>
          </cell>
          <cell r="F117">
            <v>39789</v>
          </cell>
          <cell r="G117">
            <v>0</v>
          </cell>
          <cell r="H117" t="str">
            <v>N/A</v>
          </cell>
          <cell r="I117">
            <v>4170</v>
          </cell>
          <cell r="J117">
            <v>6500</v>
          </cell>
          <cell r="L117">
            <v>70</v>
          </cell>
          <cell r="M117">
            <v>135</v>
          </cell>
          <cell r="N117">
            <v>1300</v>
          </cell>
          <cell r="O117">
            <v>8.2900000000000001E-2</v>
          </cell>
          <cell r="P117">
            <v>1009.3</v>
          </cell>
          <cell r="Q117">
            <v>13184.3</v>
          </cell>
          <cell r="R117" t="str">
            <v>Street Scene - Refuse</v>
          </cell>
        </row>
        <row r="118">
          <cell r="A118" t="str">
            <v>6D006</v>
          </cell>
          <cell r="C118" t="str">
            <v>VX51GUD</v>
          </cell>
          <cell r="D118">
            <v>10000</v>
          </cell>
          <cell r="F118">
            <v>39465</v>
          </cell>
          <cell r="G118">
            <v>0</v>
          </cell>
          <cell r="H118" t="str">
            <v>N/A</v>
          </cell>
          <cell r="I118">
            <v>4170</v>
          </cell>
          <cell r="J118">
            <v>6500</v>
          </cell>
          <cell r="L118">
            <v>70</v>
          </cell>
          <cell r="M118">
            <v>135</v>
          </cell>
          <cell r="N118">
            <v>1300</v>
          </cell>
          <cell r="O118">
            <v>8.2900000000000001E-2</v>
          </cell>
          <cell r="P118">
            <v>1009.3</v>
          </cell>
          <cell r="Q118">
            <v>13184.3</v>
          </cell>
          <cell r="R118" t="str">
            <v>Street Scene - Refuse</v>
          </cell>
        </row>
        <row r="119">
          <cell r="A119" t="str">
            <v>6D007</v>
          </cell>
          <cell r="C119" t="str">
            <v>VX51GUE</v>
          </cell>
          <cell r="D119">
            <v>10000</v>
          </cell>
          <cell r="F119">
            <v>39465</v>
          </cell>
          <cell r="G119">
            <v>0</v>
          </cell>
          <cell r="H119" t="str">
            <v>N/A</v>
          </cell>
          <cell r="I119">
            <v>4170</v>
          </cell>
          <cell r="J119">
            <v>6500</v>
          </cell>
          <cell r="L119">
            <v>70</v>
          </cell>
          <cell r="M119">
            <v>135</v>
          </cell>
          <cell r="N119">
            <v>1300</v>
          </cell>
          <cell r="O119">
            <v>8.2900000000000001E-2</v>
          </cell>
          <cell r="P119">
            <v>1009.3</v>
          </cell>
          <cell r="Q119">
            <v>13184.3</v>
          </cell>
          <cell r="R119" t="str">
            <v>Street Scene - Refuse</v>
          </cell>
        </row>
        <row r="120">
          <cell r="A120" t="str">
            <v>6D008</v>
          </cell>
          <cell r="C120" t="str">
            <v>VX51GUA</v>
          </cell>
          <cell r="D120">
            <v>10000</v>
          </cell>
          <cell r="F120">
            <v>39465</v>
          </cell>
          <cell r="G120">
            <v>0</v>
          </cell>
          <cell r="H120" t="str">
            <v>N/A</v>
          </cell>
          <cell r="I120">
            <v>4170</v>
          </cell>
          <cell r="J120">
            <v>6500</v>
          </cell>
          <cell r="L120">
            <v>70</v>
          </cell>
          <cell r="M120">
            <v>135</v>
          </cell>
          <cell r="N120">
            <v>1300</v>
          </cell>
          <cell r="O120">
            <v>8.2900000000000001E-2</v>
          </cell>
          <cell r="P120">
            <v>1009.3</v>
          </cell>
          <cell r="Q120">
            <v>13184.3</v>
          </cell>
          <cell r="R120" t="str">
            <v>Street Scene - Refuse</v>
          </cell>
        </row>
        <row r="121">
          <cell r="A121" t="str">
            <v>6D009</v>
          </cell>
          <cell r="C121" t="str">
            <v>VX51GUH</v>
          </cell>
          <cell r="D121">
            <v>10000</v>
          </cell>
          <cell r="F121">
            <v>39465</v>
          </cell>
          <cell r="G121">
            <v>0</v>
          </cell>
          <cell r="H121" t="str">
            <v>N/A</v>
          </cell>
          <cell r="I121">
            <v>4170</v>
          </cell>
          <cell r="J121">
            <v>6500</v>
          </cell>
          <cell r="L121">
            <v>70</v>
          </cell>
          <cell r="M121">
            <v>135</v>
          </cell>
          <cell r="N121">
            <v>1300</v>
          </cell>
          <cell r="O121">
            <v>8.2900000000000001E-2</v>
          </cell>
          <cell r="P121">
            <v>1009.3</v>
          </cell>
          <cell r="Q121">
            <v>13184.3</v>
          </cell>
          <cell r="R121" t="str">
            <v>Street Scene - Refuse</v>
          </cell>
        </row>
        <row r="122">
          <cell r="A122" t="str">
            <v>6D010</v>
          </cell>
          <cell r="C122" t="str">
            <v>VX51GTZ</v>
          </cell>
          <cell r="D122">
            <v>10000</v>
          </cell>
          <cell r="F122">
            <v>39465</v>
          </cell>
          <cell r="G122">
            <v>0</v>
          </cell>
          <cell r="H122" t="str">
            <v>N/A</v>
          </cell>
          <cell r="I122">
            <v>4170</v>
          </cell>
          <cell r="J122">
            <v>6500</v>
          </cell>
          <cell r="L122">
            <v>70</v>
          </cell>
          <cell r="M122">
            <v>135</v>
          </cell>
          <cell r="N122">
            <v>1300</v>
          </cell>
          <cell r="O122">
            <v>8.2900000000000001E-2</v>
          </cell>
          <cell r="P122">
            <v>1009.3</v>
          </cell>
          <cell r="Q122">
            <v>13184.3</v>
          </cell>
          <cell r="R122" t="str">
            <v>Street Scene - Refuse</v>
          </cell>
        </row>
        <row r="123">
          <cell r="A123" t="str">
            <v>6D011</v>
          </cell>
          <cell r="C123" t="str">
            <v>VX51GUC</v>
          </cell>
          <cell r="D123">
            <v>10000</v>
          </cell>
          <cell r="F123">
            <v>39836</v>
          </cell>
          <cell r="G123">
            <v>0</v>
          </cell>
          <cell r="H123" t="str">
            <v>N/A</v>
          </cell>
          <cell r="I123">
            <v>4170</v>
          </cell>
          <cell r="J123">
            <v>6500</v>
          </cell>
          <cell r="L123">
            <v>70</v>
          </cell>
          <cell r="M123">
            <v>135</v>
          </cell>
          <cell r="N123">
            <v>1300</v>
          </cell>
          <cell r="O123">
            <v>8.2900000000000001E-2</v>
          </cell>
          <cell r="P123">
            <v>1009.3</v>
          </cell>
          <cell r="Q123">
            <v>13184.3</v>
          </cell>
          <cell r="R123" t="str">
            <v>Street Scene - Refuse</v>
          </cell>
        </row>
        <row r="124">
          <cell r="A124" t="str">
            <v>6D012</v>
          </cell>
          <cell r="C124" t="str">
            <v>VX51GUF</v>
          </cell>
          <cell r="D124">
            <v>10000</v>
          </cell>
          <cell r="F124">
            <v>39836</v>
          </cell>
          <cell r="G124">
            <v>0</v>
          </cell>
          <cell r="H124" t="str">
            <v>N/A</v>
          </cell>
          <cell r="I124">
            <v>4170</v>
          </cell>
          <cell r="J124">
            <v>6500</v>
          </cell>
          <cell r="L124">
            <v>70</v>
          </cell>
          <cell r="M124">
            <v>135</v>
          </cell>
          <cell r="N124">
            <v>1300</v>
          </cell>
          <cell r="O124">
            <v>8.2900000000000001E-2</v>
          </cell>
          <cell r="P124">
            <v>1009.3</v>
          </cell>
          <cell r="Q124">
            <v>13184.3</v>
          </cell>
          <cell r="R124" t="str">
            <v>Street Scene - Refuse</v>
          </cell>
        </row>
        <row r="125">
          <cell r="A125" t="str">
            <v>6D013</v>
          </cell>
          <cell r="C125" t="str">
            <v>VX51GUK</v>
          </cell>
          <cell r="D125">
            <v>10000</v>
          </cell>
          <cell r="F125">
            <v>39836</v>
          </cell>
          <cell r="G125">
            <v>0</v>
          </cell>
          <cell r="H125" t="str">
            <v>N/A</v>
          </cell>
          <cell r="I125">
            <v>4170</v>
          </cell>
          <cell r="J125">
            <v>6500</v>
          </cell>
          <cell r="L125">
            <v>70</v>
          </cell>
          <cell r="M125">
            <v>135</v>
          </cell>
          <cell r="N125">
            <v>1300</v>
          </cell>
          <cell r="O125">
            <v>8.2900000000000001E-2</v>
          </cell>
          <cell r="P125">
            <v>1009.3</v>
          </cell>
          <cell r="Q125">
            <v>13184.3</v>
          </cell>
          <cell r="R125" t="str">
            <v>Street Scene - Refuse</v>
          </cell>
        </row>
        <row r="126">
          <cell r="A126" t="str">
            <v>6D014</v>
          </cell>
          <cell r="C126" t="str">
            <v>VX51GUG</v>
          </cell>
          <cell r="D126">
            <v>10000</v>
          </cell>
          <cell r="F126">
            <v>39836</v>
          </cell>
          <cell r="G126">
            <v>0</v>
          </cell>
          <cell r="H126" t="str">
            <v>N/A</v>
          </cell>
          <cell r="I126">
            <v>4170</v>
          </cell>
          <cell r="J126">
            <v>6500</v>
          </cell>
          <cell r="L126">
            <v>70</v>
          </cell>
          <cell r="M126">
            <v>135</v>
          </cell>
          <cell r="N126">
            <v>1300</v>
          </cell>
          <cell r="O126">
            <v>8.2900000000000001E-2</v>
          </cell>
          <cell r="P126">
            <v>1009.3</v>
          </cell>
          <cell r="Q126">
            <v>13184.3</v>
          </cell>
          <cell r="R126" t="str">
            <v>Street Scene - Refuse</v>
          </cell>
        </row>
        <row r="127">
          <cell r="A127" t="str">
            <v>6D015</v>
          </cell>
          <cell r="D127">
            <v>10000</v>
          </cell>
          <cell r="F127">
            <v>39836</v>
          </cell>
          <cell r="G127">
            <v>0</v>
          </cell>
          <cell r="H127" t="str">
            <v>N/A</v>
          </cell>
          <cell r="I127">
            <v>4170</v>
          </cell>
          <cell r="J127">
            <v>6500</v>
          </cell>
          <cell r="L127">
            <v>70</v>
          </cell>
          <cell r="M127">
            <v>135</v>
          </cell>
          <cell r="N127">
            <v>1300</v>
          </cell>
          <cell r="O127">
            <v>8.2900000000000001E-2</v>
          </cell>
          <cell r="P127">
            <v>1009.3</v>
          </cell>
          <cell r="Q127">
            <v>13184.3</v>
          </cell>
          <cell r="R127" t="str">
            <v>Street Scene - Refuse</v>
          </cell>
        </row>
        <row r="128">
          <cell r="A128" t="str">
            <v>6D016</v>
          </cell>
          <cell r="C128" t="str">
            <v>VX51GUO</v>
          </cell>
          <cell r="D128">
            <v>10000</v>
          </cell>
          <cell r="F128">
            <v>39843</v>
          </cell>
          <cell r="G128">
            <v>0</v>
          </cell>
          <cell r="H128" t="str">
            <v>N/A</v>
          </cell>
          <cell r="I128">
            <v>4170</v>
          </cell>
          <cell r="J128">
            <v>6500</v>
          </cell>
          <cell r="L128">
            <v>70</v>
          </cell>
          <cell r="M128">
            <v>135</v>
          </cell>
          <cell r="N128">
            <v>1300</v>
          </cell>
          <cell r="O128">
            <v>8.2900000000000001E-2</v>
          </cell>
          <cell r="P128">
            <v>1009.3</v>
          </cell>
          <cell r="Q128">
            <v>13184.3</v>
          </cell>
          <cell r="R128" t="str">
            <v>Street Scene - Refuse</v>
          </cell>
        </row>
        <row r="129">
          <cell r="A129" t="str">
            <v>6D017</v>
          </cell>
          <cell r="C129" t="str">
            <v>VX51GUU</v>
          </cell>
          <cell r="D129">
            <v>10000</v>
          </cell>
          <cell r="F129">
            <v>39843</v>
          </cell>
          <cell r="G129">
            <v>0</v>
          </cell>
          <cell r="H129" t="str">
            <v>N/A</v>
          </cell>
          <cell r="I129">
            <v>4170</v>
          </cell>
          <cell r="J129">
            <v>6500</v>
          </cell>
          <cell r="L129">
            <v>70</v>
          </cell>
          <cell r="M129">
            <v>135</v>
          </cell>
          <cell r="N129">
            <v>1300</v>
          </cell>
          <cell r="O129">
            <v>8.2900000000000001E-2</v>
          </cell>
          <cell r="P129">
            <v>1009.3</v>
          </cell>
          <cell r="Q129">
            <v>13184.3</v>
          </cell>
          <cell r="R129" t="str">
            <v>Street Scene - Refuse</v>
          </cell>
        </row>
        <row r="130">
          <cell r="A130" t="str">
            <v>6D018</v>
          </cell>
          <cell r="C130" t="str">
            <v>VX51GUW</v>
          </cell>
          <cell r="D130">
            <v>10000</v>
          </cell>
          <cell r="F130">
            <v>39843</v>
          </cell>
          <cell r="G130">
            <v>0</v>
          </cell>
          <cell r="H130" t="str">
            <v>N/A</v>
          </cell>
          <cell r="I130">
            <v>4170</v>
          </cell>
          <cell r="J130">
            <v>6500</v>
          </cell>
          <cell r="L130">
            <v>70</v>
          </cell>
          <cell r="M130">
            <v>135</v>
          </cell>
          <cell r="N130">
            <v>1300</v>
          </cell>
          <cell r="O130">
            <v>8.2900000000000001E-2</v>
          </cell>
          <cell r="P130">
            <v>1009.3</v>
          </cell>
          <cell r="Q130">
            <v>13184.3</v>
          </cell>
          <cell r="R130" t="str">
            <v>Street Scene - Refuse</v>
          </cell>
        </row>
        <row r="131">
          <cell r="A131" t="str">
            <v>6G300</v>
          </cell>
          <cell r="C131" t="str">
            <v>DK04DXM</v>
          </cell>
          <cell r="D131">
            <v>20000</v>
          </cell>
          <cell r="R131" t="str">
            <v>Street Scene - Refuse</v>
          </cell>
        </row>
        <row r="132">
          <cell r="A132" t="str">
            <v>6G301</v>
          </cell>
          <cell r="C132" t="str">
            <v>DK54GVJ</v>
          </cell>
          <cell r="D132">
            <v>20000</v>
          </cell>
          <cell r="R132" t="str">
            <v>Street Scene - Refuse</v>
          </cell>
        </row>
        <row r="133">
          <cell r="A133" t="str">
            <v>6G302</v>
          </cell>
          <cell r="C133" t="str">
            <v>DK54NNW</v>
          </cell>
          <cell r="D133">
            <v>20000</v>
          </cell>
          <cell r="R133" t="str">
            <v>Street Scene - Refuse</v>
          </cell>
        </row>
        <row r="134">
          <cell r="A134" t="str">
            <v>6G303</v>
          </cell>
          <cell r="C134" t="str">
            <v>DK54NNX</v>
          </cell>
          <cell r="D134">
            <v>20000</v>
          </cell>
          <cell r="R134" t="str">
            <v>Street Scene - Refuse</v>
          </cell>
        </row>
        <row r="135">
          <cell r="A135" t="str">
            <v>6G304</v>
          </cell>
          <cell r="C135" t="str">
            <v>DK54NNV</v>
          </cell>
          <cell r="D135">
            <v>20000</v>
          </cell>
          <cell r="R135" t="str">
            <v>Street Scene - Refuse</v>
          </cell>
        </row>
        <row r="136">
          <cell r="A136" t="str">
            <v>6G305</v>
          </cell>
          <cell r="C136" t="str">
            <v>WX55 AUH</v>
          </cell>
          <cell r="D136">
            <v>20000</v>
          </cell>
          <cell r="F136">
            <v>40426</v>
          </cell>
          <cell r="G136">
            <v>0</v>
          </cell>
          <cell r="H136" t="str">
            <v>N/A</v>
          </cell>
          <cell r="I136">
            <v>4170</v>
          </cell>
          <cell r="J136">
            <v>6500</v>
          </cell>
          <cell r="L136">
            <v>70</v>
          </cell>
          <cell r="M136">
            <v>135</v>
          </cell>
          <cell r="N136">
            <v>1300</v>
          </cell>
          <cell r="O136">
            <v>7.5899999999999995E-2</v>
          </cell>
          <cell r="P136">
            <v>924.08</v>
          </cell>
          <cell r="Q136">
            <v>13099.08</v>
          </cell>
          <cell r="R136" t="str">
            <v>Street Scene - Refuse</v>
          </cell>
        </row>
        <row r="137">
          <cell r="A137" t="str">
            <v>6G306</v>
          </cell>
          <cell r="C137" t="str">
            <v>WX55 AUJ</v>
          </cell>
          <cell r="D137">
            <v>20000</v>
          </cell>
          <cell r="F137">
            <v>40434</v>
          </cell>
          <cell r="G137">
            <v>0</v>
          </cell>
          <cell r="H137" t="str">
            <v>N/A</v>
          </cell>
          <cell r="I137">
            <v>4170</v>
          </cell>
          <cell r="J137">
            <v>6500</v>
          </cell>
          <cell r="L137">
            <v>70</v>
          </cell>
          <cell r="M137">
            <v>135</v>
          </cell>
          <cell r="N137">
            <v>1300</v>
          </cell>
          <cell r="O137">
            <v>7.5899999999999995E-2</v>
          </cell>
          <cell r="P137">
            <v>924.08</v>
          </cell>
          <cell r="Q137">
            <v>13099.08</v>
          </cell>
          <cell r="R137" t="str">
            <v>Street Scene - Refuse</v>
          </cell>
        </row>
        <row r="138">
          <cell r="A138" t="str">
            <v>6R001</v>
          </cell>
          <cell r="C138" t="str">
            <v>VN58GHV</v>
          </cell>
          <cell r="E138">
            <v>39832</v>
          </cell>
          <cell r="F138">
            <v>40926</v>
          </cell>
          <cell r="G138">
            <v>38530.44</v>
          </cell>
          <cell r="H138">
            <v>22682</v>
          </cell>
          <cell r="I138">
            <v>3500</v>
          </cell>
          <cell r="J138">
            <v>4600</v>
          </cell>
          <cell r="K138">
            <v>650</v>
          </cell>
          <cell r="L138">
            <v>70</v>
          </cell>
          <cell r="M138">
            <v>135</v>
          </cell>
          <cell r="N138">
            <v>1300</v>
          </cell>
          <cell r="P138">
            <v>5593.44</v>
          </cell>
          <cell r="Q138">
            <v>38530.44</v>
          </cell>
          <cell r="R138" t="str">
            <v>Street Scene - Refuse</v>
          </cell>
        </row>
        <row r="139">
          <cell r="A139" t="str">
            <v>6R002</v>
          </cell>
          <cell r="C139" t="str">
            <v>VN58GHX</v>
          </cell>
          <cell r="E139">
            <v>39832</v>
          </cell>
          <cell r="F139">
            <v>40926</v>
          </cell>
          <cell r="G139">
            <v>38530.44</v>
          </cell>
          <cell r="H139">
            <v>22682</v>
          </cell>
          <cell r="I139">
            <v>3500</v>
          </cell>
          <cell r="J139">
            <v>4600</v>
          </cell>
          <cell r="K139">
            <v>650</v>
          </cell>
          <cell r="L139">
            <v>70</v>
          </cell>
          <cell r="M139">
            <v>135</v>
          </cell>
          <cell r="N139">
            <v>1300</v>
          </cell>
          <cell r="P139">
            <v>5593.44</v>
          </cell>
          <cell r="Q139">
            <v>38530.44</v>
          </cell>
          <cell r="R139" t="str">
            <v>Street Scene - Refuse</v>
          </cell>
        </row>
        <row r="140">
          <cell r="A140" t="str">
            <v>6R003</v>
          </cell>
          <cell r="C140" t="str">
            <v>VN58GHY</v>
          </cell>
          <cell r="E140">
            <v>39832</v>
          </cell>
          <cell r="F140">
            <v>40926</v>
          </cell>
          <cell r="G140">
            <v>38530.44</v>
          </cell>
          <cell r="H140">
            <v>22682</v>
          </cell>
          <cell r="I140">
            <v>3500</v>
          </cell>
          <cell r="J140">
            <v>4600</v>
          </cell>
          <cell r="K140">
            <v>650</v>
          </cell>
          <cell r="L140">
            <v>70</v>
          </cell>
          <cell r="M140">
            <v>135</v>
          </cell>
          <cell r="N140">
            <v>1300</v>
          </cell>
          <cell r="P140">
            <v>5593.44</v>
          </cell>
          <cell r="Q140">
            <v>38530.44</v>
          </cell>
          <cell r="R140" t="str">
            <v>Street Scene - Refuse</v>
          </cell>
        </row>
        <row r="141">
          <cell r="A141" t="str">
            <v>6R004</v>
          </cell>
          <cell r="C141" t="str">
            <v>VN58GHZ</v>
          </cell>
          <cell r="E141">
            <v>39832</v>
          </cell>
          <cell r="F141">
            <v>40926</v>
          </cell>
          <cell r="G141">
            <v>38530.44</v>
          </cell>
          <cell r="H141">
            <v>22682</v>
          </cell>
          <cell r="I141">
            <v>3500</v>
          </cell>
          <cell r="J141">
            <v>4600</v>
          </cell>
          <cell r="K141">
            <v>650</v>
          </cell>
          <cell r="L141">
            <v>70</v>
          </cell>
          <cell r="M141">
            <v>135</v>
          </cell>
          <cell r="N141">
            <v>1300</v>
          </cell>
          <cell r="P141">
            <v>5593.44</v>
          </cell>
          <cell r="Q141">
            <v>38530.44</v>
          </cell>
          <cell r="R141" t="str">
            <v>Street Scene - Refuse</v>
          </cell>
        </row>
        <row r="142">
          <cell r="A142" t="str">
            <v>6R005</v>
          </cell>
          <cell r="C142" t="str">
            <v>VN58GJE</v>
          </cell>
          <cell r="E142">
            <v>39832</v>
          </cell>
          <cell r="F142">
            <v>40926</v>
          </cell>
          <cell r="G142">
            <v>38530.44</v>
          </cell>
          <cell r="H142">
            <v>22682</v>
          </cell>
          <cell r="I142">
            <v>3500</v>
          </cell>
          <cell r="J142">
            <v>4600</v>
          </cell>
          <cell r="K142">
            <v>650</v>
          </cell>
          <cell r="L142">
            <v>70</v>
          </cell>
          <cell r="M142">
            <v>135</v>
          </cell>
          <cell r="N142">
            <v>1300</v>
          </cell>
          <cell r="P142">
            <v>5593.44</v>
          </cell>
          <cell r="Q142">
            <v>38530.44</v>
          </cell>
          <cell r="R142" t="str">
            <v>Street Scene - Refuse</v>
          </cell>
        </row>
        <row r="143">
          <cell r="A143" t="str">
            <v>6R006</v>
          </cell>
          <cell r="C143" t="str">
            <v>VK58JLO</v>
          </cell>
          <cell r="E143">
            <v>39751</v>
          </cell>
          <cell r="F143">
            <v>40845</v>
          </cell>
          <cell r="G143">
            <v>38530.44</v>
          </cell>
          <cell r="H143">
            <v>22682</v>
          </cell>
          <cell r="I143">
            <v>3500</v>
          </cell>
          <cell r="J143">
            <v>4600</v>
          </cell>
          <cell r="K143">
            <v>650</v>
          </cell>
          <cell r="L143">
            <v>70</v>
          </cell>
          <cell r="M143">
            <v>135</v>
          </cell>
          <cell r="N143">
            <v>1300</v>
          </cell>
          <cell r="P143">
            <v>5593.44</v>
          </cell>
          <cell r="Q143">
            <v>38530.44</v>
          </cell>
          <cell r="R143" t="str">
            <v>Street Scene - Refuse</v>
          </cell>
        </row>
        <row r="144">
          <cell r="A144" t="str">
            <v>6R007</v>
          </cell>
          <cell r="C144" t="str">
            <v>VN58GJF</v>
          </cell>
          <cell r="E144">
            <v>39832</v>
          </cell>
          <cell r="F144">
            <v>40926</v>
          </cell>
          <cell r="G144">
            <v>38530.44</v>
          </cell>
          <cell r="H144">
            <v>22682</v>
          </cell>
          <cell r="I144">
            <v>3500</v>
          </cell>
          <cell r="J144">
            <v>4600</v>
          </cell>
          <cell r="K144">
            <v>650</v>
          </cell>
          <cell r="L144">
            <v>70</v>
          </cell>
          <cell r="M144">
            <v>135</v>
          </cell>
          <cell r="N144">
            <v>1300</v>
          </cell>
          <cell r="P144">
            <v>5593.44</v>
          </cell>
          <cell r="Q144">
            <v>38530.44</v>
          </cell>
          <cell r="R144" t="str">
            <v>Street Scene - Refuse</v>
          </cell>
        </row>
        <row r="145">
          <cell r="A145" t="str">
            <v>6R008</v>
          </cell>
          <cell r="C145" t="str">
            <v>VN58GJG</v>
          </cell>
          <cell r="E145">
            <v>39832</v>
          </cell>
          <cell r="F145">
            <v>40926</v>
          </cell>
          <cell r="G145">
            <v>38530.44</v>
          </cell>
          <cell r="H145">
            <v>22682</v>
          </cell>
          <cell r="I145">
            <v>3500</v>
          </cell>
          <cell r="J145">
            <v>4600</v>
          </cell>
          <cell r="K145">
            <v>650</v>
          </cell>
          <cell r="L145">
            <v>70</v>
          </cell>
          <cell r="M145">
            <v>135</v>
          </cell>
          <cell r="N145">
            <v>1300</v>
          </cell>
          <cell r="P145">
            <v>5593.44</v>
          </cell>
          <cell r="Q145">
            <v>38530.44</v>
          </cell>
          <cell r="R145" t="str">
            <v>Street Scene - Refuse</v>
          </cell>
        </row>
        <row r="146">
          <cell r="A146" t="str">
            <v>6R009</v>
          </cell>
          <cell r="C146" t="str">
            <v>VN58GJK</v>
          </cell>
          <cell r="E146">
            <v>39839</v>
          </cell>
          <cell r="F146">
            <v>40933</v>
          </cell>
          <cell r="G146">
            <v>38530.44</v>
          </cell>
          <cell r="H146">
            <v>22682</v>
          </cell>
          <cell r="I146">
            <v>3500</v>
          </cell>
          <cell r="J146">
            <v>4600</v>
          </cell>
          <cell r="K146">
            <v>650</v>
          </cell>
          <cell r="L146">
            <v>70</v>
          </cell>
          <cell r="M146">
            <v>135</v>
          </cell>
          <cell r="N146">
            <v>1300</v>
          </cell>
          <cell r="P146">
            <v>5593.44</v>
          </cell>
          <cell r="Q146">
            <v>38530.44</v>
          </cell>
          <cell r="R146" t="str">
            <v>Street Scene - Refuse</v>
          </cell>
        </row>
        <row r="147">
          <cell r="A147" t="str">
            <v>6R010</v>
          </cell>
          <cell r="C147" t="str">
            <v>VN58GJJ</v>
          </cell>
          <cell r="E147">
            <v>39839</v>
          </cell>
          <cell r="F147">
            <v>40933</v>
          </cell>
          <cell r="G147">
            <v>38530.44</v>
          </cell>
          <cell r="H147">
            <v>22682</v>
          </cell>
          <cell r="I147">
            <v>3500</v>
          </cell>
          <cell r="J147">
            <v>4600</v>
          </cell>
          <cell r="K147">
            <v>650</v>
          </cell>
          <cell r="L147">
            <v>70</v>
          </cell>
          <cell r="M147">
            <v>135</v>
          </cell>
          <cell r="N147">
            <v>1300</v>
          </cell>
          <cell r="P147">
            <v>5593.44</v>
          </cell>
          <cell r="Q147">
            <v>38530.44</v>
          </cell>
          <cell r="R147" t="str">
            <v>Street Scene - Refuse</v>
          </cell>
        </row>
        <row r="148">
          <cell r="A148" t="str">
            <v>6R011</v>
          </cell>
          <cell r="C148" t="str">
            <v>VN58GJO</v>
          </cell>
          <cell r="E148">
            <v>39846</v>
          </cell>
          <cell r="F148">
            <v>40940</v>
          </cell>
          <cell r="G148">
            <v>38530.44</v>
          </cell>
          <cell r="H148">
            <v>22682</v>
          </cell>
          <cell r="I148">
            <v>3500</v>
          </cell>
          <cell r="J148">
            <v>4600</v>
          </cell>
          <cell r="K148">
            <v>650</v>
          </cell>
          <cell r="L148">
            <v>70</v>
          </cell>
          <cell r="M148">
            <v>135</v>
          </cell>
          <cell r="N148">
            <v>1300</v>
          </cell>
          <cell r="P148">
            <v>5593.44</v>
          </cell>
          <cell r="Q148">
            <v>38530.44</v>
          </cell>
          <cell r="R148" t="str">
            <v>Street Scene - Refuse</v>
          </cell>
        </row>
        <row r="149">
          <cell r="A149" t="str">
            <v>6R012</v>
          </cell>
          <cell r="C149" t="str">
            <v>VN58GJU</v>
          </cell>
          <cell r="E149">
            <v>39846</v>
          </cell>
          <cell r="F149">
            <v>40940</v>
          </cell>
          <cell r="G149">
            <v>38530.44</v>
          </cell>
          <cell r="H149">
            <v>22682</v>
          </cell>
          <cell r="I149">
            <v>3500</v>
          </cell>
          <cell r="J149">
            <v>4600</v>
          </cell>
          <cell r="K149">
            <v>650</v>
          </cell>
          <cell r="L149">
            <v>70</v>
          </cell>
          <cell r="M149">
            <v>135</v>
          </cell>
          <cell r="N149">
            <v>1300</v>
          </cell>
          <cell r="P149">
            <v>5593.44</v>
          </cell>
          <cell r="Q149">
            <v>38530.44</v>
          </cell>
          <cell r="R149" t="str">
            <v>Street Scene - Refuse</v>
          </cell>
        </row>
        <row r="150">
          <cell r="A150" t="str">
            <v>6R013</v>
          </cell>
          <cell r="C150" t="str">
            <v>VN58GJV</v>
          </cell>
          <cell r="E150">
            <v>39846</v>
          </cell>
          <cell r="F150">
            <v>40940</v>
          </cell>
          <cell r="G150">
            <v>38530.44</v>
          </cell>
          <cell r="H150">
            <v>22682</v>
          </cell>
          <cell r="I150">
            <v>3500</v>
          </cell>
          <cell r="J150">
            <v>4600</v>
          </cell>
          <cell r="K150">
            <v>650</v>
          </cell>
          <cell r="L150">
            <v>70</v>
          </cell>
          <cell r="M150">
            <v>135</v>
          </cell>
          <cell r="N150">
            <v>1300</v>
          </cell>
          <cell r="P150">
            <v>5593.44</v>
          </cell>
          <cell r="Q150">
            <v>38530.44</v>
          </cell>
          <cell r="R150" t="str">
            <v>Street Scene - Refuse</v>
          </cell>
        </row>
        <row r="151">
          <cell r="A151" t="str">
            <v>6R014</v>
          </cell>
          <cell r="C151" t="str">
            <v>VN58GJX</v>
          </cell>
          <cell r="E151">
            <v>39846</v>
          </cell>
          <cell r="F151">
            <v>40940</v>
          </cell>
          <cell r="G151">
            <v>38530.44</v>
          </cell>
          <cell r="H151">
            <v>22682</v>
          </cell>
          <cell r="I151">
            <v>3500</v>
          </cell>
          <cell r="J151">
            <v>4600</v>
          </cell>
          <cell r="K151">
            <v>650</v>
          </cell>
          <cell r="L151">
            <v>70</v>
          </cell>
          <cell r="M151">
            <v>135</v>
          </cell>
          <cell r="N151">
            <v>1300</v>
          </cell>
          <cell r="P151">
            <v>5593.44</v>
          </cell>
          <cell r="Q151">
            <v>38530.44</v>
          </cell>
          <cell r="R151" t="str">
            <v>Street Scene - Refuse</v>
          </cell>
        </row>
        <row r="152">
          <cell r="A152" t="str">
            <v>6R015</v>
          </cell>
          <cell r="C152" t="str">
            <v>VN58GJY</v>
          </cell>
          <cell r="E152">
            <v>39860</v>
          </cell>
          <cell r="F152">
            <v>40954</v>
          </cell>
          <cell r="G152">
            <v>38530.44</v>
          </cell>
          <cell r="H152">
            <v>22682</v>
          </cell>
          <cell r="I152">
            <v>3500</v>
          </cell>
          <cell r="J152">
            <v>4600</v>
          </cell>
          <cell r="K152">
            <v>650</v>
          </cell>
          <cell r="L152">
            <v>70</v>
          </cell>
          <cell r="M152">
            <v>135</v>
          </cell>
          <cell r="N152">
            <v>1300</v>
          </cell>
          <cell r="P152">
            <v>5593.44</v>
          </cell>
          <cell r="Q152">
            <v>38530.44</v>
          </cell>
          <cell r="R152" t="str">
            <v>Street Scene - Refuse</v>
          </cell>
        </row>
        <row r="153">
          <cell r="A153" t="str">
            <v>6R016</v>
          </cell>
          <cell r="C153" t="str">
            <v>VN58GJZ</v>
          </cell>
          <cell r="E153">
            <v>39846</v>
          </cell>
          <cell r="F153">
            <v>40940</v>
          </cell>
          <cell r="G153">
            <v>38530.44</v>
          </cell>
          <cell r="H153">
            <v>22682</v>
          </cell>
          <cell r="I153">
            <v>3500</v>
          </cell>
          <cell r="J153">
            <v>4600</v>
          </cell>
          <cell r="K153">
            <v>650</v>
          </cell>
          <cell r="L153">
            <v>70</v>
          </cell>
          <cell r="M153">
            <v>135</v>
          </cell>
          <cell r="N153">
            <v>1300</v>
          </cell>
          <cell r="P153">
            <v>5593.44</v>
          </cell>
          <cell r="Q153">
            <v>38530.44</v>
          </cell>
          <cell r="R153" t="str">
            <v>Street Scene - Refuse</v>
          </cell>
        </row>
        <row r="154">
          <cell r="A154" t="str">
            <v>6R017</v>
          </cell>
          <cell r="C154" t="str">
            <v>VN58CVJ</v>
          </cell>
          <cell r="E154">
            <v>39853</v>
          </cell>
          <cell r="F154">
            <v>40947</v>
          </cell>
          <cell r="G154" t="str">
            <v>SPARE</v>
          </cell>
          <cell r="H154">
            <v>22682</v>
          </cell>
          <cell r="I154">
            <v>3500</v>
          </cell>
          <cell r="J154">
            <v>4600</v>
          </cell>
          <cell r="K154">
            <v>650</v>
          </cell>
          <cell r="L154">
            <v>70</v>
          </cell>
          <cell r="M154">
            <v>135</v>
          </cell>
          <cell r="N154">
            <v>1300</v>
          </cell>
          <cell r="P154">
            <v>5593.44</v>
          </cell>
          <cell r="Q154">
            <v>38530.44</v>
          </cell>
          <cell r="R154" t="str">
            <v>Street Scene - Refuse</v>
          </cell>
        </row>
        <row r="155">
          <cell r="A155" t="str">
            <v>6R018</v>
          </cell>
          <cell r="C155" t="str">
            <v>VN58CVK</v>
          </cell>
          <cell r="E155">
            <v>39860</v>
          </cell>
          <cell r="F155">
            <v>40954</v>
          </cell>
          <cell r="G155" t="str">
            <v>SPARE</v>
          </cell>
          <cell r="H155">
            <v>22682</v>
          </cell>
          <cell r="I155">
            <v>3500</v>
          </cell>
          <cell r="J155">
            <v>4600</v>
          </cell>
          <cell r="K155">
            <v>650</v>
          </cell>
          <cell r="L155">
            <v>70</v>
          </cell>
          <cell r="M155">
            <v>135</v>
          </cell>
          <cell r="N155">
            <v>1300</v>
          </cell>
          <cell r="P155">
            <v>5593.44</v>
          </cell>
          <cell r="Q155">
            <v>38530.44</v>
          </cell>
          <cell r="R155" t="str">
            <v>Street Scene - Refuse</v>
          </cell>
        </row>
        <row r="156">
          <cell r="A156" t="str">
            <v>6R019</v>
          </cell>
          <cell r="C156" t="str">
            <v>VN58CVL</v>
          </cell>
          <cell r="E156">
            <v>39860</v>
          </cell>
          <cell r="F156">
            <v>40954</v>
          </cell>
          <cell r="G156" t="str">
            <v>SPARE</v>
          </cell>
          <cell r="H156">
            <v>22682</v>
          </cell>
          <cell r="I156">
            <v>3500</v>
          </cell>
          <cell r="J156">
            <v>4600</v>
          </cell>
          <cell r="K156">
            <v>650</v>
          </cell>
          <cell r="L156">
            <v>70</v>
          </cell>
          <cell r="M156">
            <v>135</v>
          </cell>
          <cell r="N156">
            <v>1300</v>
          </cell>
          <cell r="P156">
            <v>5593.44</v>
          </cell>
          <cell r="Q156">
            <v>38530.44</v>
          </cell>
          <cell r="R156" t="str">
            <v>Street Scene - Refuse</v>
          </cell>
        </row>
        <row r="158">
          <cell r="A158" t="str">
            <v>7G001</v>
          </cell>
          <cell r="C158" t="str">
            <v>KX51XXA</v>
          </cell>
          <cell r="D158">
            <v>8000</v>
          </cell>
          <cell r="F158">
            <v>40817</v>
          </cell>
          <cell r="G158">
            <v>0</v>
          </cell>
          <cell r="H158" t="str">
            <v>N/A</v>
          </cell>
          <cell r="I158">
            <v>2100</v>
          </cell>
          <cell r="J158">
            <v>2850</v>
          </cell>
          <cell r="L158">
            <v>49</v>
          </cell>
          <cell r="M158">
            <v>0</v>
          </cell>
          <cell r="N158">
            <v>1300</v>
          </cell>
          <cell r="O158">
            <v>0.1166</v>
          </cell>
          <cell r="P158">
            <v>734.46</v>
          </cell>
          <cell r="Q158">
            <v>7033.46</v>
          </cell>
          <cell r="R158" t="str">
            <v>Highways Winter Main</v>
          </cell>
        </row>
        <row r="159">
          <cell r="A159" t="str">
            <v>7G002</v>
          </cell>
          <cell r="C159" t="str">
            <v>KX51XXB</v>
          </cell>
          <cell r="D159">
            <v>8000</v>
          </cell>
          <cell r="F159">
            <v>40817</v>
          </cell>
          <cell r="G159">
            <v>0</v>
          </cell>
          <cell r="H159" t="str">
            <v>N/A</v>
          </cell>
          <cell r="I159">
            <v>2100</v>
          </cell>
          <cell r="J159">
            <v>2850</v>
          </cell>
          <cell r="L159">
            <v>49</v>
          </cell>
          <cell r="M159">
            <v>0</v>
          </cell>
          <cell r="N159">
            <v>1300</v>
          </cell>
          <cell r="O159">
            <v>0.1166</v>
          </cell>
          <cell r="P159">
            <v>734.46</v>
          </cell>
          <cell r="Q159">
            <v>7033.46</v>
          </cell>
          <cell r="R159" t="str">
            <v>Highways Winter Main</v>
          </cell>
        </row>
        <row r="160">
          <cell r="A160" t="str">
            <v>7G003</v>
          </cell>
          <cell r="C160" t="str">
            <v>KX51XXC</v>
          </cell>
          <cell r="D160">
            <v>8000</v>
          </cell>
          <cell r="F160">
            <v>40817</v>
          </cell>
          <cell r="G160">
            <v>0</v>
          </cell>
          <cell r="H160" t="str">
            <v>N/A</v>
          </cell>
          <cell r="I160">
            <v>2100</v>
          </cell>
          <cell r="J160">
            <v>2850</v>
          </cell>
          <cell r="L160">
            <v>49</v>
          </cell>
          <cell r="M160">
            <v>0</v>
          </cell>
          <cell r="N160">
            <v>1300</v>
          </cell>
          <cell r="O160">
            <v>0.1166</v>
          </cell>
          <cell r="P160">
            <v>734.46</v>
          </cell>
          <cell r="Q160">
            <v>7033.46</v>
          </cell>
          <cell r="R160" t="str">
            <v>Highways Winter Main</v>
          </cell>
        </row>
        <row r="161">
          <cell r="A161" t="str">
            <v>7G004</v>
          </cell>
          <cell r="C161" t="str">
            <v>KX51XXD</v>
          </cell>
          <cell r="D161">
            <v>8000</v>
          </cell>
          <cell r="F161">
            <v>40817</v>
          </cell>
          <cell r="G161">
            <v>0</v>
          </cell>
          <cell r="H161" t="str">
            <v>N/A</v>
          </cell>
          <cell r="I161">
            <v>2100</v>
          </cell>
          <cell r="J161">
            <v>2850</v>
          </cell>
          <cell r="L161">
            <v>49</v>
          </cell>
          <cell r="M161">
            <v>0</v>
          </cell>
          <cell r="N161">
            <v>1300</v>
          </cell>
          <cell r="O161">
            <v>0.1166</v>
          </cell>
          <cell r="P161">
            <v>734.46</v>
          </cell>
          <cell r="Q161">
            <v>7033.46</v>
          </cell>
          <cell r="R161" t="str">
            <v>Highways Winter Main</v>
          </cell>
        </row>
        <row r="162">
          <cell r="A162" t="str">
            <v>7G005</v>
          </cell>
          <cell r="C162" t="str">
            <v>KX51XXE</v>
          </cell>
          <cell r="D162">
            <v>8000</v>
          </cell>
          <cell r="F162">
            <v>40817</v>
          </cell>
          <cell r="G162">
            <v>0</v>
          </cell>
          <cell r="H162" t="str">
            <v>N/A</v>
          </cell>
          <cell r="I162">
            <v>2100</v>
          </cell>
          <cell r="J162">
            <v>2850</v>
          </cell>
          <cell r="L162">
            <v>49</v>
          </cell>
          <cell r="M162">
            <v>0</v>
          </cell>
          <cell r="N162">
            <v>1300</v>
          </cell>
          <cell r="O162">
            <v>0.1166</v>
          </cell>
          <cell r="P162">
            <v>734.46</v>
          </cell>
          <cell r="Q162">
            <v>7033.46</v>
          </cell>
          <cell r="R162" t="str">
            <v>Highways Winter Main</v>
          </cell>
        </row>
        <row r="163">
          <cell r="A163" t="str">
            <v>7G006</v>
          </cell>
          <cell r="C163" t="str">
            <v>KX51XXF</v>
          </cell>
          <cell r="D163">
            <v>8000</v>
          </cell>
          <cell r="F163">
            <v>40817</v>
          </cell>
          <cell r="G163">
            <v>0</v>
          </cell>
          <cell r="H163" t="str">
            <v>N/A</v>
          </cell>
          <cell r="I163">
            <v>2100</v>
          </cell>
          <cell r="J163">
            <v>2850</v>
          </cell>
          <cell r="L163">
            <v>49</v>
          </cell>
          <cell r="M163">
            <v>0</v>
          </cell>
          <cell r="N163">
            <v>1300</v>
          </cell>
          <cell r="O163">
            <v>0.1166</v>
          </cell>
          <cell r="P163">
            <v>734.46</v>
          </cell>
          <cell r="Q163">
            <v>7033.46</v>
          </cell>
          <cell r="R163" t="str">
            <v>Highways Winter Main</v>
          </cell>
        </row>
        <row r="164">
          <cell r="A164" t="str">
            <v>7G007</v>
          </cell>
          <cell r="C164" t="str">
            <v>KX51XXG</v>
          </cell>
          <cell r="D164">
            <v>8000</v>
          </cell>
          <cell r="F164">
            <v>40817</v>
          </cell>
          <cell r="G164">
            <v>0</v>
          </cell>
          <cell r="H164" t="str">
            <v>N/A</v>
          </cell>
          <cell r="I164">
            <v>2100</v>
          </cell>
          <cell r="J164">
            <v>2850</v>
          </cell>
          <cell r="L164">
            <v>49</v>
          </cell>
          <cell r="M164">
            <v>0</v>
          </cell>
          <cell r="N164">
            <v>1300</v>
          </cell>
          <cell r="O164">
            <v>0.1166</v>
          </cell>
          <cell r="P164">
            <v>734.46</v>
          </cell>
          <cell r="Q164">
            <v>7033.46</v>
          </cell>
          <cell r="R164" t="str">
            <v>Highways Winter Main</v>
          </cell>
        </row>
        <row r="165">
          <cell r="A165" t="str">
            <v>7G008</v>
          </cell>
          <cell r="C165" t="str">
            <v>KX51XXH</v>
          </cell>
          <cell r="D165">
            <v>8000</v>
          </cell>
          <cell r="F165">
            <v>40817</v>
          </cell>
          <cell r="G165">
            <v>0</v>
          </cell>
          <cell r="H165" t="str">
            <v>N/A</v>
          </cell>
          <cell r="I165">
            <v>2100</v>
          </cell>
          <cell r="J165">
            <v>2850</v>
          </cell>
          <cell r="L165">
            <v>49</v>
          </cell>
          <cell r="M165">
            <v>0</v>
          </cell>
          <cell r="N165">
            <v>1300</v>
          </cell>
          <cell r="O165">
            <v>0.1166</v>
          </cell>
          <cell r="P165">
            <v>734.46</v>
          </cell>
          <cell r="Q165">
            <v>7033.46</v>
          </cell>
          <cell r="R165" t="str">
            <v>Highways Winter Main</v>
          </cell>
        </row>
        <row r="166">
          <cell r="A166" t="str">
            <v>7G009</v>
          </cell>
          <cell r="C166" t="str">
            <v>KX51XXJ</v>
          </cell>
          <cell r="D166">
            <v>8000</v>
          </cell>
          <cell r="F166">
            <v>40817</v>
          </cell>
          <cell r="G166">
            <v>0</v>
          </cell>
          <cell r="H166" t="str">
            <v>N/A</v>
          </cell>
          <cell r="I166">
            <v>2100</v>
          </cell>
          <cell r="J166">
            <v>2850</v>
          </cell>
          <cell r="L166">
            <v>49</v>
          </cell>
          <cell r="M166">
            <v>0</v>
          </cell>
          <cell r="N166">
            <v>1300</v>
          </cell>
          <cell r="O166">
            <v>0.1166</v>
          </cell>
          <cell r="P166">
            <v>734.46</v>
          </cell>
          <cell r="Q166">
            <v>7033.46</v>
          </cell>
          <cell r="R166" t="str">
            <v>Highways Winter Main</v>
          </cell>
        </row>
        <row r="167">
          <cell r="A167" t="str">
            <v>7L001</v>
          </cell>
          <cell r="C167" t="str">
            <v>KU52LCN</v>
          </cell>
          <cell r="D167">
            <v>10000</v>
          </cell>
          <cell r="F167">
            <v>41171</v>
          </cell>
          <cell r="G167">
            <v>0</v>
          </cell>
          <cell r="H167" t="str">
            <v>N/A</v>
          </cell>
          <cell r="I167">
            <v>1080</v>
          </cell>
          <cell r="J167">
            <v>1200</v>
          </cell>
          <cell r="L167">
            <v>49</v>
          </cell>
          <cell r="M167">
            <v>240</v>
          </cell>
          <cell r="N167">
            <v>1300</v>
          </cell>
          <cell r="O167">
            <v>0.1183</v>
          </cell>
          <cell r="P167">
            <v>457.7</v>
          </cell>
          <cell r="Q167">
            <v>4326.7</v>
          </cell>
          <cell r="R167" t="str">
            <v>Library</v>
          </cell>
        </row>
        <row r="168">
          <cell r="A168" t="str">
            <v>7S007</v>
          </cell>
          <cell r="C168" t="str">
            <v>GX04JVH</v>
          </cell>
          <cell r="D168" t="str">
            <v>2,000 Hrs</v>
          </cell>
          <cell r="F168">
            <v>39981</v>
          </cell>
          <cell r="G168">
            <v>0</v>
          </cell>
          <cell r="H168" t="str">
            <v>N/A</v>
          </cell>
          <cell r="I168">
            <v>3555</v>
          </cell>
          <cell r="J168">
            <v>3750</v>
          </cell>
          <cell r="L168">
            <v>49</v>
          </cell>
          <cell r="M168">
            <v>0</v>
          </cell>
          <cell r="N168">
            <v>1300</v>
          </cell>
          <cell r="O168">
            <v>0.1</v>
          </cell>
          <cell r="P168">
            <v>865.4</v>
          </cell>
          <cell r="Q168">
            <v>9519.4</v>
          </cell>
          <cell r="R168" t="str">
            <v>Street Scene - Cleansing</v>
          </cell>
        </row>
        <row r="169">
          <cell r="A169" t="str">
            <v>7S008</v>
          </cell>
          <cell r="C169" t="str">
            <v>GX04JVJ</v>
          </cell>
          <cell r="D169" t="str">
            <v>2,000 Hrs</v>
          </cell>
          <cell r="F169">
            <v>39981</v>
          </cell>
          <cell r="G169">
            <v>0</v>
          </cell>
          <cell r="H169" t="str">
            <v>N/A</v>
          </cell>
          <cell r="I169">
            <v>3555</v>
          </cell>
          <cell r="J169">
            <v>3750</v>
          </cell>
          <cell r="L169">
            <v>49</v>
          </cell>
          <cell r="M169">
            <v>0</v>
          </cell>
          <cell r="N169">
            <v>1300</v>
          </cell>
          <cell r="O169">
            <v>0.1</v>
          </cell>
          <cell r="P169">
            <v>865.4</v>
          </cell>
          <cell r="Q169">
            <v>9519.4</v>
          </cell>
          <cell r="R169" t="str">
            <v>Street Scene - Cleansing</v>
          </cell>
        </row>
        <row r="170">
          <cell r="A170" t="str">
            <v>7S010</v>
          </cell>
          <cell r="C170" t="str">
            <v>GN06LUW</v>
          </cell>
          <cell r="D170" t="str">
            <v>2,000 Hrs</v>
          </cell>
          <cell r="F170">
            <v>40706</v>
          </cell>
          <cell r="G170">
            <v>0</v>
          </cell>
          <cell r="H170" t="str">
            <v>N/A</v>
          </cell>
          <cell r="I170">
            <v>3240</v>
          </cell>
          <cell r="J170">
            <v>1600</v>
          </cell>
          <cell r="L170">
            <v>0</v>
          </cell>
          <cell r="M170">
            <v>0</v>
          </cell>
          <cell r="N170">
            <v>1300</v>
          </cell>
          <cell r="O170">
            <v>9.7000000000000003E-2</v>
          </cell>
          <cell r="P170">
            <v>595.58000000000004</v>
          </cell>
          <cell r="Q170">
            <v>6735.58</v>
          </cell>
          <cell r="R170" t="str">
            <v>Street Scene - Cleansing</v>
          </cell>
        </row>
        <row r="171">
          <cell r="A171" t="str">
            <v>7S011</v>
          </cell>
          <cell r="C171" t="str">
            <v>GN06 LUY</v>
          </cell>
          <cell r="D171" t="str">
            <v>2,000 Hrs</v>
          </cell>
          <cell r="F171">
            <v>40706</v>
          </cell>
          <cell r="G171">
            <v>0</v>
          </cell>
          <cell r="H171" t="str">
            <v>N/A</v>
          </cell>
          <cell r="I171">
            <v>3240</v>
          </cell>
          <cell r="J171">
            <v>1600</v>
          </cell>
          <cell r="L171">
            <v>0</v>
          </cell>
          <cell r="M171">
            <v>0</v>
          </cell>
          <cell r="N171">
            <v>1300</v>
          </cell>
          <cell r="O171">
            <v>9.7000000000000003E-2</v>
          </cell>
          <cell r="P171">
            <v>595.58000000000004</v>
          </cell>
          <cell r="Q171">
            <v>6735.58</v>
          </cell>
          <cell r="R171" t="str">
            <v>Street Scene - Cleansing</v>
          </cell>
        </row>
        <row r="172">
          <cell r="A172" t="str">
            <v>7S012</v>
          </cell>
          <cell r="C172" t="str">
            <v>GN06 LUZ</v>
          </cell>
          <cell r="D172" t="str">
            <v>2,000 Hrs</v>
          </cell>
          <cell r="F172">
            <v>40721</v>
          </cell>
          <cell r="G172">
            <v>0</v>
          </cell>
          <cell r="H172" t="str">
            <v>N/A</v>
          </cell>
          <cell r="I172">
            <v>3240</v>
          </cell>
          <cell r="J172">
            <v>1600</v>
          </cell>
          <cell r="L172">
            <v>0</v>
          </cell>
          <cell r="M172">
            <v>0</v>
          </cell>
          <cell r="N172">
            <v>1300</v>
          </cell>
          <cell r="O172">
            <v>9.7000000000000003E-2</v>
          </cell>
          <cell r="P172">
            <v>595.58000000000004</v>
          </cell>
          <cell r="Q172">
            <v>6735.58</v>
          </cell>
          <cell r="R172" t="str">
            <v>Street Scene - Cleansing</v>
          </cell>
        </row>
        <row r="173">
          <cell r="A173" t="str">
            <v>7S013</v>
          </cell>
          <cell r="C173" t="str">
            <v>RX57FLB</v>
          </cell>
          <cell r="Q173">
            <v>0</v>
          </cell>
          <cell r="R173" t="str">
            <v>Street Scene - Cleansing</v>
          </cell>
        </row>
        <row r="174">
          <cell r="A174" t="str">
            <v>7S014</v>
          </cell>
          <cell r="C174" t="str">
            <v>RX58EVB</v>
          </cell>
          <cell r="D174">
            <v>20000</v>
          </cell>
          <cell r="Q174">
            <v>0</v>
          </cell>
          <cell r="R174" t="str">
            <v>Street Scene - Cleansing</v>
          </cell>
        </row>
        <row r="175">
          <cell r="A175" t="str">
            <v>7S015</v>
          </cell>
          <cell r="C175" t="str">
            <v>RX58EUY</v>
          </cell>
          <cell r="E175">
            <v>39797</v>
          </cell>
          <cell r="F175">
            <v>41622</v>
          </cell>
          <cell r="G175">
            <v>28068.560000000001</v>
          </cell>
          <cell r="H175">
            <v>16280</v>
          </cell>
          <cell r="I175">
            <v>2800</v>
          </cell>
          <cell r="J175">
            <v>3700</v>
          </cell>
          <cell r="K175">
            <v>200</v>
          </cell>
          <cell r="L175">
            <v>50</v>
          </cell>
          <cell r="M175">
            <v>0</v>
          </cell>
          <cell r="N175">
            <v>1300</v>
          </cell>
          <cell r="P175">
            <v>3738.56</v>
          </cell>
          <cell r="Q175">
            <v>28068.560000000001</v>
          </cell>
          <cell r="R175" t="str">
            <v>Street Scene - Cleansing</v>
          </cell>
        </row>
        <row r="176">
          <cell r="A176" t="str">
            <v>8T001</v>
          </cell>
          <cell r="C176" t="str">
            <v>Y212JKX</v>
          </cell>
          <cell r="Q176">
            <v>0</v>
          </cell>
          <cell r="R176" t="str">
            <v>Parks &amp; Open Spaces</v>
          </cell>
        </row>
        <row r="177">
          <cell r="A177" t="str">
            <v>8T002</v>
          </cell>
          <cell r="C177" t="str">
            <v>Y213JKX</v>
          </cell>
          <cell r="Q177">
            <v>0</v>
          </cell>
          <cell r="R177" t="str">
            <v>Parks &amp; Open Spaces</v>
          </cell>
        </row>
        <row r="178">
          <cell r="A178" t="str">
            <v>8T003</v>
          </cell>
          <cell r="C178" t="str">
            <v>Y214JKX</v>
          </cell>
          <cell r="Q178">
            <v>0</v>
          </cell>
          <cell r="R178" t="str">
            <v>Parks &amp; Open Spaces</v>
          </cell>
        </row>
        <row r="179">
          <cell r="A179" t="str">
            <v>8T004</v>
          </cell>
          <cell r="C179" t="str">
            <v>Y215JKX</v>
          </cell>
          <cell r="Q179">
            <v>0</v>
          </cell>
          <cell r="R179" t="str">
            <v>Parks &amp; Open Spaces</v>
          </cell>
        </row>
        <row r="180">
          <cell r="A180" t="str">
            <v>8T005</v>
          </cell>
          <cell r="C180" t="str">
            <v>Y211JKX</v>
          </cell>
          <cell r="Q180">
            <v>0</v>
          </cell>
          <cell r="R180" t="str">
            <v>Parks &amp; Open Spaces</v>
          </cell>
        </row>
        <row r="181">
          <cell r="A181" t="str">
            <v>8T006</v>
          </cell>
          <cell r="C181" t="str">
            <v>Y568XGS</v>
          </cell>
          <cell r="Q181">
            <v>0</v>
          </cell>
          <cell r="R181" t="str">
            <v xml:space="preserve">Hendon Crem </v>
          </cell>
        </row>
        <row r="182">
          <cell r="A182" t="str">
            <v>8T007</v>
          </cell>
          <cell r="C182" t="str">
            <v>KE04UXM</v>
          </cell>
          <cell r="D182" t="str">
            <v>2,000 Hrs</v>
          </cell>
          <cell r="F182">
            <v>40761</v>
          </cell>
          <cell r="G182">
            <v>0</v>
          </cell>
          <cell r="H182" t="str">
            <v>N/A</v>
          </cell>
          <cell r="I182">
            <v>1515</v>
          </cell>
          <cell r="J182">
            <v>2250</v>
          </cell>
          <cell r="L182">
            <v>0</v>
          </cell>
          <cell r="M182">
            <v>0</v>
          </cell>
          <cell r="N182">
            <v>1300</v>
          </cell>
          <cell r="O182">
            <v>15.75</v>
          </cell>
          <cell r="P182">
            <v>797.73</v>
          </cell>
          <cell r="Q182">
            <v>5862.73</v>
          </cell>
          <cell r="R182" t="str">
            <v>Parks &amp; Open Spaces</v>
          </cell>
        </row>
        <row r="183">
          <cell r="A183" t="str">
            <v>8W015</v>
          </cell>
          <cell r="C183" t="str">
            <v>KE55NWZ</v>
          </cell>
          <cell r="D183" t="str">
            <v>1,000 Hrs</v>
          </cell>
          <cell r="F183">
            <v>39873</v>
          </cell>
          <cell r="Q183">
            <v>0</v>
          </cell>
          <cell r="R183" t="str">
            <v>Parks &amp; Open Spaces</v>
          </cell>
        </row>
        <row r="184">
          <cell r="A184" t="str">
            <v>8W016</v>
          </cell>
          <cell r="C184" t="str">
            <v>KE55NXA</v>
          </cell>
          <cell r="D184" t="str">
            <v>1,000 Hrs</v>
          </cell>
          <cell r="F184">
            <v>39873</v>
          </cell>
          <cell r="Q184">
            <v>0</v>
          </cell>
          <cell r="R184" t="str">
            <v>Parks &amp; Open Spaces</v>
          </cell>
        </row>
        <row r="185">
          <cell r="A185" t="str">
            <v>8W017</v>
          </cell>
          <cell r="C185" t="str">
            <v>KE55KWS</v>
          </cell>
          <cell r="D185" t="str">
            <v>1,000 Hrs</v>
          </cell>
          <cell r="F185">
            <v>39873</v>
          </cell>
          <cell r="Q185">
            <v>0</v>
          </cell>
          <cell r="R185" t="str">
            <v>Parks &amp; Open Spaces</v>
          </cell>
        </row>
        <row r="186">
          <cell r="A186" t="str">
            <v>8W018</v>
          </cell>
          <cell r="C186" t="str">
            <v>KE55NMM</v>
          </cell>
          <cell r="D186" t="str">
            <v>1,000 Hrs</v>
          </cell>
          <cell r="F186">
            <v>39873</v>
          </cell>
          <cell r="Q186">
            <v>0</v>
          </cell>
          <cell r="R186" t="str">
            <v>Parks &amp; Open Spaces</v>
          </cell>
        </row>
        <row r="187">
          <cell r="A187" t="str">
            <v>8W019</v>
          </cell>
          <cell r="C187" t="str">
            <v>KE55NWY</v>
          </cell>
          <cell r="D187" t="str">
            <v>1,000 Hrs</v>
          </cell>
          <cell r="F187">
            <v>39873</v>
          </cell>
          <cell r="Q187">
            <v>0</v>
          </cell>
          <cell r="R187" t="str">
            <v>Parks &amp; Open Spaces</v>
          </cell>
        </row>
        <row r="188">
          <cell r="A188" t="str">
            <v>8W020</v>
          </cell>
          <cell r="C188" t="str">
            <v>KE55NWR</v>
          </cell>
          <cell r="D188" t="str">
            <v>1,000 Hrs</v>
          </cell>
          <cell r="F188">
            <v>39873</v>
          </cell>
          <cell r="Q188">
            <v>0</v>
          </cell>
          <cell r="R188" t="str">
            <v>Parks &amp; Open Spaces</v>
          </cell>
        </row>
        <row r="189">
          <cell r="A189" t="str">
            <v>8W021</v>
          </cell>
          <cell r="C189" t="str">
            <v>KE55NWT</v>
          </cell>
          <cell r="D189" t="str">
            <v>1,000 Hrs</v>
          </cell>
          <cell r="F189">
            <v>39873</v>
          </cell>
          <cell r="Q189">
            <v>0</v>
          </cell>
          <cell r="R189" t="str">
            <v>Parks &amp; Open Spaces</v>
          </cell>
        </row>
        <row r="190">
          <cell r="A190" t="str">
            <v>8W022</v>
          </cell>
          <cell r="C190" t="str">
            <v>KE55KWU</v>
          </cell>
          <cell r="D190" t="str">
            <v>1,000 Hrs</v>
          </cell>
          <cell r="F190">
            <v>39873</v>
          </cell>
          <cell r="Q190">
            <v>0</v>
          </cell>
          <cell r="R190" t="str">
            <v>Parks &amp; Open Spaces</v>
          </cell>
        </row>
        <row r="191">
          <cell r="A191" t="str">
            <v>8W023</v>
          </cell>
          <cell r="C191" t="str">
            <v>KE55NWX</v>
          </cell>
          <cell r="D191" t="str">
            <v>1,000 Hrs</v>
          </cell>
          <cell r="F191">
            <v>39873</v>
          </cell>
          <cell r="Q191">
            <v>0</v>
          </cell>
          <cell r="R191" t="str">
            <v>Parks &amp; Open Spaces</v>
          </cell>
        </row>
        <row r="192">
          <cell r="A192" t="str">
            <v>8W024</v>
          </cell>
          <cell r="C192" t="str">
            <v>KE55NWV</v>
          </cell>
          <cell r="D192" t="str">
            <v>1,000 Hrs</v>
          </cell>
          <cell r="F192">
            <v>39873</v>
          </cell>
          <cell r="Q192">
            <v>0</v>
          </cell>
          <cell r="R192" t="str">
            <v>Parks &amp; Open Spaces</v>
          </cell>
        </row>
        <row r="193">
          <cell r="A193" t="str">
            <v>8W025</v>
          </cell>
          <cell r="C193" t="str">
            <v>KE55NXB</v>
          </cell>
          <cell r="D193" t="str">
            <v>1,000 Hrs</v>
          </cell>
          <cell r="F193">
            <v>39873</v>
          </cell>
          <cell r="Q193">
            <v>0</v>
          </cell>
          <cell r="R193" t="str">
            <v>Parks &amp; Open Spaces</v>
          </cell>
        </row>
        <row r="194">
          <cell r="A194" t="str">
            <v>8W026</v>
          </cell>
          <cell r="C194" t="str">
            <v>KE55NWS</v>
          </cell>
          <cell r="D194" t="str">
            <v>1,000 Hrs</v>
          </cell>
          <cell r="F194">
            <v>39873</v>
          </cell>
          <cell r="Q194">
            <v>0</v>
          </cell>
          <cell r="R194" t="str">
            <v>Parks &amp; Open Spaces</v>
          </cell>
        </row>
        <row r="195">
          <cell r="A195" t="str">
            <v>8W028</v>
          </cell>
          <cell r="C195" t="str">
            <v>KE55KWR</v>
          </cell>
          <cell r="D195" t="str">
            <v>1,000 Hrs</v>
          </cell>
          <cell r="F195">
            <v>39873</v>
          </cell>
          <cell r="Q195">
            <v>0</v>
          </cell>
          <cell r="R195" t="str">
            <v xml:space="preserve">Hendon Crem </v>
          </cell>
        </row>
        <row r="196">
          <cell r="A196" t="str">
            <v>8W029</v>
          </cell>
          <cell r="C196" t="str">
            <v>Not Registered</v>
          </cell>
          <cell r="D196" t="str">
            <v>1,000 Hrs</v>
          </cell>
          <cell r="F196">
            <v>40078</v>
          </cell>
          <cell r="Q196">
            <v>0</v>
          </cell>
          <cell r="R196" t="str">
            <v xml:space="preserve">Hendon Crem </v>
          </cell>
        </row>
        <row r="197">
          <cell r="A197" t="str">
            <v>9G106</v>
          </cell>
          <cell r="C197" t="str">
            <v>0M10</v>
          </cell>
          <cell r="D197" t="str">
            <v>1,000 Hrs</v>
          </cell>
          <cell r="F197">
            <v>40603</v>
          </cell>
          <cell r="G197">
            <v>0</v>
          </cell>
          <cell r="H197" t="str">
            <v>N/A</v>
          </cell>
          <cell r="I197">
            <v>1080</v>
          </cell>
          <cell r="J197">
            <v>700</v>
          </cell>
          <cell r="L197">
            <v>0</v>
          </cell>
          <cell r="M197">
            <v>0</v>
          </cell>
          <cell r="N197">
            <v>400</v>
          </cell>
          <cell r="O197">
            <v>8.1500000000000003E-2</v>
          </cell>
          <cell r="P197">
            <v>177.67000000000002</v>
          </cell>
          <cell r="Q197">
            <v>2357.67</v>
          </cell>
          <cell r="R197" t="str">
            <v>Parks &amp; Open Spaces</v>
          </cell>
        </row>
        <row r="198">
          <cell r="A198" t="str">
            <v>9G107</v>
          </cell>
          <cell r="C198" t="str">
            <v>M11</v>
          </cell>
          <cell r="D198" t="str">
            <v>1,000 Hrs</v>
          </cell>
          <cell r="F198">
            <v>40603</v>
          </cell>
          <cell r="G198">
            <v>0</v>
          </cell>
          <cell r="H198" t="str">
            <v>N/A</v>
          </cell>
          <cell r="I198">
            <v>1080</v>
          </cell>
          <cell r="J198">
            <v>700</v>
          </cell>
          <cell r="L198">
            <v>0</v>
          </cell>
          <cell r="M198">
            <v>0</v>
          </cell>
          <cell r="N198">
            <v>400</v>
          </cell>
          <cell r="O198">
            <v>8.1500000000000003E-2</v>
          </cell>
          <cell r="P198">
            <v>177.67</v>
          </cell>
          <cell r="Q198">
            <v>2357.67</v>
          </cell>
          <cell r="R198" t="str">
            <v>Parks &amp; Open Spaces</v>
          </cell>
        </row>
        <row r="199">
          <cell r="A199" t="str">
            <v>9G108</v>
          </cell>
          <cell r="C199" t="str">
            <v>M12</v>
          </cell>
          <cell r="D199" t="str">
            <v>1,000 Hrs</v>
          </cell>
          <cell r="F199">
            <v>40603</v>
          </cell>
          <cell r="G199">
            <v>0</v>
          </cell>
          <cell r="H199" t="str">
            <v>N/A</v>
          </cell>
          <cell r="I199">
            <v>1080</v>
          </cell>
          <cell r="J199">
            <v>700</v>
          </cell>
          <cell r="L199">
            <v>0</v>
          </cell>
          <cell r="M199">
            <v>0</v>
          </cell>
          <cell r="N199">
            <v>400</v>
          </cell>
          <cell r="O199">
            <v>8.1500000000000003E-2</v>
          </cell>
          <cell r="P199">
            <v>177.67</v>
          </cell>
          <cell r="Q199">
            <v>2357.67</v>
          </cell>
          <cell r="R199" t="str">
            <v>Parks &amp; Open Spaces</v>
          </cell>
        </row>
        <row r="200">
          <cell r="A200" t="str">
            <v>9G109</v>
          </cell>
          <cell r="C200" t="str">
            <v>M13</v>
          </cell>
          <cell r="D200" t="str">
            <v>1,000 Hrs</v>
          </cell>
          <cell r="F200">
            <v>40603</v>
          </cell>
          <cell r="G200">
            <v>0</v>
          </cell>
          <cell r="H200" t="str">
            <v>N/A</v>
          </cell>
          <cell r="I200">
            <v>1080</v>
          </cell>
          <cell r="J200">
            <v>700</v>
          </cell>
          <cell r="L200">
            <v>0</v>
          </cell>
          <cell r="M200">
            <v>0</v>
          </cell>
          <cell r="N200">
            <v>400</v>
          </cell>
          <cell r="O200">
            <v>8.1500000000000003E-2</v>
          </cell>
          <cell r="P200">
            <v>177.67</v>
          </cell>
          <cell r="Q200">
            <v>2357.67</v>
          </cell>
          <cell r="R200" t="str">
            <v>Parks &amp; Open Spaces</v>
          </cell>
        </row>
        <row r="201">
          <cell r="A201" t="str">
            <v>9G110</v>
          </cell>
          <cell r="C201" t="str">
            <v>M14</v>
          </cell>
          <cell r="D201" t="str">
            <v>1,000 Hrs</v>
          </cell>
          <cell r="F201">
            <v>40603</v>
          </cell>
          <cell r="G201">
            <v>0</v>
          </cell>
          <cell r="H201" t="str">
            <v>N/A</v>
          </cell>
          <cell r="I201">
            <v>1080</v>
          </cell>
          <cell r="J201">
            <v>700</v>
          </cell>
          <cell r="L201">
            <v>0</v>
          </cell>
          <cell r="M201">
            <v>0</v>
          </cell>
          <cell r="N201">
            <v>400</v>
          </cell>
          <cell r="O201">
            <v>8.1500000000000003E-2</v>
          </cell>
          <cell r="P201">
            <v>177.67</v>
          </cell>
          <cell r="Q201">
            <v>2357.67</v>
          </cell>
          <cell r="R201" t="str">
            <v>Parks &amp; Open Spaces</v>
          </cell>
        </row>
        <row r="202">
          <cell r="A202" t="str">
            <v>9G111</v>
          </cell>
          <cell r="C202" t="str">
            <v>M9</v>
          </cell>
          <cell r="D202" t="str">
            <v>1,000 Hrs</v>
          </cell>
          <cell r="F202">
            <v>40603</v>
          </cell>
          <cell r="G202">
            <v>0</v>
          </cell>
          <cell r="H202" t="str">
            <v>N/A</v>
          </cell>
          <cell r="I202">
            <v>1080</v>
          </cell>
          <cell r="J202">
            <v>700</v>
          </cell>
          <cell r="L202">
            <v>0</v>
          </cell>
          <cell r="M202">
            <v>0</v>
          </cell>
          <cell r="N202">
            <v>400</v>
          </cell>
          <cell r="O202">
            <v>8.1500000000000003E-2</v>
          </cell>
          <cell r="P202">
            <v>177.67</v>
          </cell>
          <cell r="Q202">
            <v>2357.67</v>
          </cell>
          <cell r="R202" t="str">
            <v>Parks &amp; Open Spaces</v>
          </cell>
        </row>
        <row r="203">
          <cell r="A203" t="str">
            <v>9N553</v>
          </cell>
          <cell r="C203" t="str">
            <v>9N553</v>
          </cell>
          <cell r="R203" t="str">
            <v>Parks &amp; Open Spaces</v>
          </cell>
        </row>
        <row r="204">
          <cell r="A204" t="str">
            <v>9N554</v>
          </cell>
          <cell r="C204" t="str">
            <v>9N554</v>
          </cell>
          <cell r="R204" t="str">
            <v>Parks &amp; Open Spaces</v>
          </cell>
        </row>
        <row r="205">
          <cell r="A205" t="str">
            <v>9N555</v>
          </cell>
          <cell r="C205" t="str">
            <v>9N555</v>
          </cell>
          <cell r="R205" t="str">
            <v>Parks &amp; Open Spaces</v>
          </cell>
        </row>
        <row r="206">
          <cell r="A206" t="str">
            <v>9N605</v>
          </cell>
          <cell r="C206" t="str">
            <v>9N605</v>
          </cell>
          <cell r="R206" t="str">
            <v>Parks &amp; Open Spaces</v>
          </cell>
        </row>
        <row r="207">
          <cell r="A207" t="str">
            <v>9N606</v>
          </cell>
          <cell r="C207" t="str">
            <v>9N606</v>
          </cell>
          <cell r="R207" t="str">
            <v>Parks &amp; Open Spaces</v>
          </cell>
        </row>
        <row r="208">
          <cell r="A208" t="str">
            <v>9N607</v>
          </cell>
          <cell r="C208" t="str">
            <v>9N607</v>
          </cell>
          <cell r="R208" t="str">
            <v>Parks &amp; Open Spaces</v>
          </cell>
        </row>
        <row r="209">
          <cell r="A209" t="str">
            <v>9N608</v>
          </cell>
          <cell r="C209" t="str">
            <v>9N608</v>
          </cell>
          <cell r="R209" t="str">
            <v>Parks &amp; Open Spaces</v>
          </cell>
        </row>
        <row r="210">
          <cell r="A210" t="str">
            <v>9N609</v>
          </cell>
          <cell r="C210" t="str">
            <v>9N609</v>
          </cell>
          <cell r="R210" t="str">
            <v>Parks &amp; Open Spaces</v>
          </cell>
        </row>
        <row r="211">
          <cell r="A211" t="str">
            <v>9N611</v>
          </cell>
          <cell r="C211" t="str">
            <v>9N611</v>
          </cell>
          <cell r="R211" t="str">
            <v>Parks &amp; Open Spaces</v>
          </cell>
        </row>
        <row r="212">
          <cell r="A212" t="str">
            <v>9N612</v>
          </cell>
          <cell r="C212" t="str">
            <v>9N612</v>
          </cell>
          <cell r="R212" t="str">
            <v>Parks &amp; Open Spaces</v>
          </cell>
        </row>
        <row r="213">
          <cell r="A213" t="str">
            <v>9N613</v>
          </cell>
          <cell r="C213" t="str">
            <v>9N613</v>
          </cell>
          <cell r="R213" t="str">
            <v>Parks &amp; Open Spaces</v>
          </cell>
        </row>
        <row r="214">
          <cell r="A214" t="str">
            <v>9N614</v>
          </cell>
          <cell r="C214" t="str">
            <v>9N614</v>
          </cell>
          <cell r="R214" t="str">
            <v>Parks &amp; Open Spaces</v>
          </cell>
        </row>
        <row r="215">
          <cell r="A215" t="str">
            <v>9N615</v>
          </cell>
          <cell r="C215" t="str">
            <v>9N615</v>
          </cell>
          <cell r="R215" t="str">
            <v>Parks &amp; Open Spaces</v>
          </cell>
        </row>
        <row r="216">
          <cell r="A216" t="str">
            <v>9N616</v>
          </cell>
          <cell r="C216" t="str">
            <v>9N616</v>
          </cell>
          <cell r="R216" t="str">
            <v>Parks &amp; Open Spaces</v>
          </cell>
        </row>
        <row r="217">
          <cell r="A217" t="str">
            <v>9N623</v>
          </cell>
          <cell r="C217" t="str">
            <v>9N623</v>
          </cell>
        </row>
        <row r="218">
          <cell r="A218" t="str">
            <v>9N628</v>
          </cell>
          <cell r="C218" t="str">
            <v>9N628</v>
          </cell>
          <cell r="R218" t="str">
            <v>Parks &amp; Open Spaces</v>
          </cell>
        </row>
        <row r="219">
          <cell r="A219" t="str">
            <v>9N629</v>
          </cell>
          <cell r="C219" t="str">
            <v>9N629</v>
          </cell>
          <cell r="R219" t="str">
            <v>Street Scene - Refuse</v>
          </cell>
        </row>
        <row r="220">
          <cell r="A220" t="str">
            <v>9N632</v>
          </cell>
          <cell r="C220" t="str">
            <v>9N632</v>
          </cell>
          <cell r="R220" t="str">
            <v>Parks &amp; Open Spaces</v>
          </cell>
        </row>
        <row r="221">
          <cell r="A221" t="str">
            <v>9N635</v>
          </cell>
          <cell r="C221" t="str">
            <v>9N635</v>
          </cell>
          <cell r="R221" t="str">
            <v>Parks &amp; Open Spaces</v>
          </cell>
        </row>
        <row r="222">
          <cell r="A222" t="str">
            <v>9N636</v>
          </cell>
          <cell r="C222" t="str">
            <v>9N636</v>
          </cell>
          <cell r="R222" t="str">
            <v>Parks &amp; Open Spaces</v>
          </cell>
        </row>
        <row r="223">
          <cell r="A223" t="str">
            <v>9N637</v>
          </cell>
          <cell r="C223" t="str">
            <v>9N637</v>
          </cell>
          <cell r="R223" t="str">
            <v>Parks &amp; Open Spaces</v>
          </cell>
        </row>
        <row r="224">
          <cell r="A224" t="str">
            <v>9P007</v>
          </cell>
          <cell r="C224" t="str">
            <v>9P007</v>
          </cell>
          <cell r="R224" t="str">
            <v>Street Scene - Cleansing</v>
          </cell>
        </row>
        <row r="225">
          <cell r="A225" t="str">
            <v>9P008</v>
          </cell>
          <cell r="C225" t="str">
            <v>9P008</v>
          </cell>
          <cell r="R225" t="str">
            <v>Parks &amp; Open Spaces</v>
          </cell>
        </row>
        <row r="226">
          <cell r="A226" t="str">
            <v>1V100</v>
          </cell>
          <cell r="C226" t="str">
            <v>BN09FGF</v>
          </cell>
          <cell r="E226">
            <v>39941</v>
          </cell>
          <cell r="G226">
            <v>4442.3599999999997</v>
          </cell>
          <cell r="Q226">
            <v>4442.3599999999997</v>
          </cell>
          <cell r="R226" t="str">
            <v>Street Scene - Refuse</v>
          </cell>
        </row>
        <row r="227">
          <cell r="A227" t="str">
            <v>1V101</v>
          </cell>
          <cell r="C227" t="str">
            <v>BN09FGG</v>
          </cell>
          <cell r="E227">
            <v>39941</v>
          </cell>
          <cell r="G227">
            <v>4442.3599999999997</v>
          </cell>
          <cell r="Q227">
            <v>4442.3599999999997</v>
          </cell>
          <cell r="R227" t="str">
            <v>Street Scene - Refuse</v>
          </cell>
        </row>
        <row r="228">
          <cell r="A228" t="str">
            <v>1V102</v>
          </cell>
          <cell r="C228" t="str">
            <v>BN09FGO</v>
          </cell>
          <cell r="E228">
            <v>39941</v>
          </cell>
          <cell r="G228">
            <v>4442.3599999999997</v>
          </cell>
          <cell r="Q228">
            <v>4442.3599999999997</v>
          </cell>
          <cell r="R228" t="str">
            <v>Street Scene - Refuse</v>
          </cell>
        </row>
        <row r="229">
          <cell r="A229" t="str">
            <v>6C008</v>
          </cell>
          <cell r="C229" t="str">
            <v>VX09WJK</v>
          </cell>
          <cell r="E229">
            <v>39959</v>
          </cell>
          <cell r="G229" t="str">
            <v>SPARE</v>
          </cell>
          <cell r="Q229" t="str">
            <v>SPARE</v>
          </cell>
          <cell r="R229" t="str">
            <v>Street Scene - Refuse</v>
          </cell>
        </row>
        <row r="230">
          <cell r="A230" t="str">
            <v>1S102</v>
          </cell>
          <cell r="C230" t="str">
            <v>GJ09GXD</v>
          </cell>
          <cell r="E230">
            <v>39903</v>
          </cell>
          <cell r="G230">
            <v>5328</v>
          </cell>
          <cell r="Q230">
            <v>5328</v>
          </cell>
          <cell r="R230" t="str">
            <v xml:space="preserve">Mayoral </v>
          </cell>
        </row>
        <row r="231">
          <cell r="A231" t="str">
            <v>1S101</v>
          </cell>
          <cell r="C231" t="str">
            <v>LG09VPW</v>
          </cell>
          <cell r="E231">
            <v>39903</v>
          </cell>
          <cell r="G231">
            <v>9144.2000000000007</v>
          </cell>
          <cell r="Q231">
            <v>9144.2000000000007</v>
          </cell>
          <cell r="R231" t="str">
            <v xml:space="preserve">Mayoral </v>
          </cell>
        </row>
        <row r="232">
          <cell r="A232" t="str">
            <v>8W030</v>
          </cell>
          <cell r="C232" t="str">
            <v>LK09ALU</v>
          </cell>
          <cell r="E232">
            <v>39904</v>
          </cell>
          <cell r="G232">
            <v>10348</v>
          </cell>
          <cell r="Q232">
            <v>10348</v>
          </cell>
          <cell r="R232" t="str">
            <v>Barnet Homes  -  Caretakers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7-98"/>
      <sheetName val="1998-9"/>
      <sheetName val="1999-2000"/>
      <sheetName val="2000-2001"/>
      <sheetName val="Reconciliation"/>
      <sheetName val="2001-2"/>
      <sheetName val="2002-3"/>
      <sheetName val="2003-4"/>
      <sheetName val="2004-5"/>
      <sheetName val="2005-6"/>
      <sheetName val="Debtor accounts raised"/>
      <sheetName val="Not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  <sheetName val="ercodes"/>
    </sheetNames>
    <sheetDataSet>
      <sheetData sheetId="0"/>
      <sheetData sheetId="1"/>
      <sheetData sheetId="2">
        <row r="1">
          <cell r="A1" t="str">
            <v>ACCT</v>
          </cell>
          <cell r="B1" t="str">
            <v>LANAMES</v>
          </cell>
          <cell r="C1" t="str">
            <v>Police Authority</v>
          </cell>
          <cell r="F1" t="str">
            <v>Fire Authority</v>
          </cell>
          <cell r="H1" t="str">
            <v>Fire Authority</v>
          </cell>
          <cell r="I1" t="str">
            <v>Waste Authority</v>
          </cell>
          <cell r="K1" t="str">
            <v>Waste Authority</v>
          </cell>
        </row>
        <row r="2">
          <cell r="C2" t="str">
            <v>ACCT</v>
          </cell>
          <cell r="D2" t="str">
            <v>LANAMES</v>
          </cell>
          <cell r="E2" t="str">
            <v>ACCT</v>
          </cell>
          <cell r="F2" t="str">
            <v>ACCT</v>
          </cell>
          <cell r="G2" t="str">
            <v>LANAMES</v>
          </cell>
          <cell r="H2" t="str">
            <v>ACCT</v>
          </cell>
          <cell r="I2" t="str">
            <v>ACCT</v>
          </cell>
          <cell r="J2" t="str">
            <v>LANAMES</v>
          </cell>
          <cell r="K2" t="str">
            <v>ACCT</v>
          </cell>
        </row>
        <row r="3">
          <cell r="A3" t="str">
            <v>R370</v>
          </cell>
          <cell r="B3" t="str">
            <v>City of London</v>
          </cell>
          <cell r="F3" t="str">
            <v>R572</v>
          </cell>
          <cell r="G3" t="str">
            <v>GLA - fire</v>
          </cell>
          <cell r="H3" t="str">
            <v>R572</v>
          </cell>
        </row>
        <row r="4">
          <cell r="A4" t="str">
            <v>R371</v>
          </cell>
          <cell r="B4" t="str">
            <v>Camden</v>
          </cell>
          <cell r="C4" t="str">
            <v>R571</v>
          </cell>
          <cell r="D4" t="str">
            <v>GLA - police</v>
          </cell>
          <cell r="E4" t="str">
            <v>R571</v>
          </cell>
          <cell r="F4" t="str">
            <v>R572</v>
          </cell>
          <cell r="G4" t="str">
            <v>GLA - fire</v>
          </cell>
          <cell r="H4" t="str">
            <v>R572</v>
          </cell>
          <cell r="I4" t="str">
            <v>R445</v>
          </cell>
          <cell r="J4" t="str">
            <v>North London Waste Authority</v>
          </cell>
          <cell r="K4" t="str">
            <v>R445</v>
          </cell>
        </row>
        <row r="5">
          <cell r="A5" t="str">
            <v>R372</v>
          </cell>
          <cell r="B5" t="str">
            <v>Greenwich</v>
          </cell>
          <cell r="C5" t="str">
            <v>R571</v>
          </cell>
          <cell r="D5" t="str">
            <v>GLA - police</v>
          </cell>
          <cell r="E5" t="str">
            <v>R571</v>
          </cell>
          <cell r="F5" t="str">
            <v>R572</v>
          </cell>
          <cell r="G5" t="str">
            <v>GLA - fire</v>
          </cell>
          <cell r="H5" t="str">
            <v>R572</v>
          </cell>
        </row>
        <row r="6">
          <cell r="A6" t="str">
            <v>R373</v>
          </cell>
          <cell r="B6" t="str">
            <v>Hackney</v>
          </cell>
          <cell r="C6" t="str">
            <v>R571</v>
          </cell>
          <cell r="D6" t="str">
            <v>GLA - police</v>
          </cell>
          <cell r="E6" t="str">
            <v>R571</v>
          </cell>
          <cell r="F6" t="str">
            <v>R572</v>
          </cell>
          <cell r="G6" t="str">
            <v>GLA - fire</v>
          </cell>
          <cell r="H6" t="str">
            <v>R572</v>
          </cell>
          <cell r="I6" t="str">
            <v>R445</v>
          </cell>
          <cell r="J6" t="str">
            <v>North London Waste Authority</v>
          </cell>
          <cell r="K6" t="str">
            <v>R445</v>
          </cell>
        </row>
        <row r="7">
          <cell r="A7" t="str">
            <v>R374</v>
          </cell>
          <cell r="B7" t="str">
            <v>Hammersmith and Fulham</v>
          </cell>
          <cell r="C7" t="str">
            <v>R571</v>
          </cell>
          <cell r="D7" t="str">
            <v>GLA - police</v>
          </cell>
          <cell r="E7" t="str">
            <v>R571</v>
          </cell>
          <cell r="F7" t="str">
            <v>R572</v>
          </cell>
          <cell r="G7" t="str">
            <v>GLA - fire</v>
          </cell>
          <cell r="H7" t="str">
            <v>R572</v>
          </cell>
          <cell r="I7" t="str">
            <v>R447</v>
          </cell>
          <cell r="J7" t="str">
            <v>Western Riverside Waste Authority</v>
          </cell>
          <cell r="K7" t="str">
            <v>R447</v>
          </cell>
        </row>
        <row r="8">
          <cell r="A8" t="str">
            <v>R375</v>
          </cell>
          <cell r="B8" t="str">
            <v>Islington</v>
          </cell>
          <cell r="C8" t="str">
            <v>R571</v>
          </cell>
          <cell r="D8" t="str">
            <v>GLA - police</v>
          </cell>
          <cell r="E8" t="str">
            <v>R571</v>
          </cell>
          <cell r="F8" t="str">
            <v>R572</v>
          </cell>
          <cell r="G8" t="str">
            <v>GLA - fire</v>
          </cell>
          <cell r="H8" t="str">
            <v>R572</v>
          </cell>
          <cell r="I8" t="str">
            <v>R445</v>
          </cell>
          <cell r="J8" t="str">
            <v>North London Waste Authority</v>
          </cell>
          <cell r="K8" t="str">
            <v>R445</v>
          </cell>
        </row>
        <row r="9">
          <cell r="A9" t="str">
            <v>R376</v>
          </cell>
          <cell r="B9" t="str">
            <v>Kensington and Chelsea</v>
          </cell>
          <cell r="C9" t="str">
            <v>R571</v>
          </cell>
          <cell r="D9" t="str">
            <v>GLA - police</v>
          </cell>
          <cell r="E9" t="str">
            <v>R571</v>
          </cell>
          <cell r="F9" t="str">
            <v>R572</v>
          </cell>
          <cell r="G9" t="str">
            <v>GLA - fire</v>
          </cell>
          <cell r="H9" t="str">
            <v>R572</v>
          </cell>
          <cell r="I9" t="str">
            <v>R447</v>
          </cell>
          <cell r="J9" t="str">
            <v>Western Riverside Waste Authority</v>
          </cell>
          <cell r="K9" t="str">
            <v>R447</v>
          </cell>
        </row>
        <row r="10">
          <cell r="A10" t="str">
            <v>R377</v>
          </cell>
          <cell r="B10" t="str">
            <v>Lambeth</v>
          </cell>
          <cell r="C10" t="str">
            <v>R571</v>
          </cell>
          <cell r="D10" t="str">
            <v>GLA - police</v>
          </cell>
          <cell r="E10" t="str">
            <v>R571</v>
          </cell>
          <cell r="F10" t="str">
            <v>R572</v>
          </cell>
          <cell r="G10" t="str">
            <v>GLA - fire</v>
          </cell>
          <cell r="H10" t="str">
            <v>R572</v>
          </cell>
          <cell r="I10" t="str">
            <v>R447</v>
          </cell>
          <cell r="J10" t="str">
            <v>Western Riverside Waste Authority</v>
          </cell>
          <cell r="K10" t="str">
            <v>R447</v>
          </cell>
        </row>
        <row r="11">
          <cell r="A11" t="str">
            <v>R378</v>
          </cell>
          <cell r="B11" t="str">
            <v>Lewisham</v>
          </cell>
          <cell r="C11" t="str">
            <v>R571</v>
          </cell>
          <cell r="D11" t="str">
            <v>GLA - police</v>
          </cell>
          <cell r="E11" t="str">
            <v>R571</v>
          </cell>
          <cell r="F11" t="str">
            <v>R572</v>
          </cell>
          <cell r="G11" t="str">
            <v>GLA - fire</v>
          </cell>
          <cell r="H11" t="str">
            <v>R572</v>
          </cell>
        </row>
        <row r="12">
          <cell r="A12" t="str">
            <v>R379</v>
          </cell>
          <cell r="B12" t="str">
            <v>Southwark</v>
          </cell>
          <cell r="C12" t="str">
            <v>R571</v>
          </cell>
          <cell r="D12" t="str">
            <v>GLA - police</v>
          </cell>
          <cell r="E12" t="str">
            <v>R571</v>
          </cell>
          <cell r="F12" t="str">
            <v>R572</v>
          </cell>
          <cell r="G12" t="str">
            <v>GLA - fire</v>
          </cell>
          <cell r="H12" t="str">
            <v>R572</v>
          </cell>
        </row>
        <row r="13">
          <cell r="A13" t="str">
            <v>R380</v>
          </cell>
          <cell r="B13" t="str">
            <v>Tower Hamlets</v>
          </cell>
          <cell r="C13" t="str">
            <v>R571</v>
          </cell>
          <cell r="D13" t="str">
            <v>GLA - police</v>
          </cell>
          <cell r="E13" t="str">
            <v>R571</v>
          </cell>
          <cell r="F13" t="str">
            <v>R572</v>
          </cell>
          <cell r="G13" t="str">
            <v>GLA - fire</v>
          </cell>
          <cell r="H13" t="str">
            <v>R572</v>
          </cell>
        </row>
        <row r="14">
          <cell r="A14" t="str">
            <v>R381</v>
          </cell>
          <cell r="B14" t="str">
            <v>Wandsworth</v>
          </cell>
          <cell r="C14" t="str">
            <v>R571</v>
          </cell>
          <cell r="D14" t="str">
            <v>GLA - police</v>
          </cell>
          <cell r="E14" t="str">
            <v>R571</v>
          </cell>
          <cell r="F14" t="str">
            <v>R572</v>
          </cell>
          <cell r="G14" t="str">
            <v>GLA - fire</v>
          </cell>
          <cell r="H14" t="str">
            <v>R572</v>
          </cell>
          <cell r="I14" t="str">
            <v>R447</v>
          </cell>
          <cell r="J14" t="str">
            <v>Western Riverside Waste Authority</v>
          </cell>
          <cell r="K14" t="str">
            <v>R447</v>
          </cell>
        </row>
        <row r="15">
          <cell r="A15" t="str">
            <v>R382</v>
          </cell>
          <cell r="B15" t="str">
            <v>Westminster</v>
          </cell>
          <cell r="C15" t="str">
            <v>R571</v>
          </cell>
          <cell r="D15" t="str">
            <v>GLA - police</v>
          </cell>
          <cell r="E15" t="str">
            <v>R571</v>
          </cell>
          <cell r="F15" t="str">
            <v>R572</v>
          </cell>
          <cell r="G15" t="str">
            <v>GLA - fire</v>
          </cell>
          <cell r="H15" t="str">
            <v>R572</v>
          </cell>
        </row>
        <row r="16">
          <cell r="A16" t="str">
            <v>R383</v>
          </cell>
          <cell r="B16" t="str">
            <v>Barking and Dagenham</v>
          </cell>
          <cell r="C16" t="str">
            <v>R571</v>
          </cell>
          <cell r="D16" t="str">
            <v>GLA - police</v>
          </cell>
          <cell r="E16" t="str">
            <v>R571</v>
          </cell>
          <cell r="F16" t="str">
            <v>R572</v>
          </cell>
          <cell r="G16" t="str">
            <v>GLA - fire</v>
          </cell>
          <cell r="H16" t="str">
            <v>R572</v>
          </cell>
          <cell r="I16" t="str">
            <v>R446</v>
          </cell>
          <cell r="J16" t="str">
            <v>East London Waste Authority</v>
          </cell>
          <cell r="K16" t="str">
            <v>R446</v>
          </cell>
        </row>
        <row r="17">
          <cell r="A17" t="str">
            <v>R384</v>
          </cell>
          <cell r="B17" t="str">
            <v>Barnet</v>
          </cell>
          <cell r="C17" t="str">
            <v>R571</v>
          </cell>
          <cell r="D17" t="str">
            <v>GLA - police</v>
          </cell>
          <cell r="E17" t="str">
            <v>R571</v>
          </cell>
          <cell r="F17" t="str">
            <v>R572</v>
          </cell>
          <cell r="G17" t="str">
            <v>GLA - fire</v>
          </cell>
          <cell r="H17" t="str">
            <v>R572</v>
          </cell>
          <cell r="I17" t="str">
            <v>R445</v>
          </cell>
          <cell r="J17" t="str">
            <v>North London Waste Authority</v>
          </cell>
          <cell r="K17" t="str">
            <v>R445</v>
          </cell>
        </row>
        <row r="18">
          <cell r="A18" t="str">
            <v>R385</v>
          </cell>
          <cell r="B18" t="str">
            <v>Bexley</v>
          </cell>
          <cell r="C18" t="str">
            <v>R571</v>
          </cell>
          <cell r="D18" t="str">
            <v>GLA - police</v>
          </cell>
          <cell r="E18" t="str">
            <v>R571</v>
          </cell>
          <cell r="F18" t="str">
            <v>R572</v>
          </cell>
          <cell r="G18" t="str">
            <v>GLA - fire</v>
          </cell>
          <cell r="H18" t="str">
            <v>R572</v>
          </cell>
        </row>
        <row r="19">
          <cell r="A19" t="str">
            <v>R386</v>
          </cell>
          <cell r="B19" t="str">
            <v>Brent</v>
          </cell>
          <cell r="C19" t="str">
            <v>R571</v>
          </cell>
          <cell r="D19" t="str">
            <v>GLA - police</v>
          </cell>
          <cell r="E19" t="str">
            <v>R571</v>
          </cell>
          <cell r="F19" t="str">
            <v>R572</v>
          </cell>
          <cell r="G19" t="str">
            <v>GLA - fire</v>
          </cell>
          <cell r="H19" t="str">
            <v>R572</v>
          </cell>
          <cell r="I19" t="str">
            <v>R444</v>
          </cell>
          <cell r="J19" t="str">
            <v>West London Waste Authority</v>
          </cell>
          <cell r="K19" t="str">
            <v>R444</v>
          </cell>
        </row>
        <row r="20">
          <cell r="A20" t="str">
            <v>R387</v>
          </cell>
          <cell r="B20" t="str">
            <v>Bromley</v>
          </cell>
          <cell r="C20" t="str">
            <v>R571</v>
          </cell>
          <cell r="D20" t="str">
            <v>GLA - police</v>
          </cell>
          <cell r="E20" t="str">
            <v>R571</v>
          </cell>
          <cell r="F20" t="str">
            <v>R572</v>
          </cell>
          <cell r="G20" t="str">
            <v>GLA - fire</v>
          </cell>
          <cell r="H20" t="str">
            <v>R572</v>
          </cell>
        </row>
        <row r="21">
          <cell r="A21" t="str">
            <v>R388</v>
          </cell>
          <cell r="B21" t="str">
            <v>Croydon</v>
          </cell>
          <cell r="C21" t="str">
            <v>R571</v>
          </cell>
          <cell r="D21" t="str">
            <v>GLA - police</v>
          </cell>
          <cell r="E21" t="str">
            <v>R571</v>
          </cell>
          <cell r="F21" t="str">
            <v>R572</v>
          </cell>
          <cell r="G21" t="str">
            <v>GLA - fire</v>
          </cell>
          <cell r="H21" t="str">
            <v>R572</v>
          </cell>
        </row>
        <row r="22">
          <cell r="A22" t="str">
            <v>R389</v>
          </cell>
          <cell r="B22" t="str">
            <v>Ealing</v>
          </cell>
          <cell r="C22" t="str">
            <v>R571</v>
          </cell>
          <cell r="D22" t="str">
            <v>GLA - police</v>
          </cell>
          <cell r="E22" t="str">
            <v>R571</v>
          </cell>
          <cell r="F22" t="str">
            <v>R572</v>
          </cell>
          <cell r="G22" t="str">
            <v>GLA - fire</v>
          </cell>
          <cell r="H22" t="str">
            <v>R572</v>
          </cell>
          <cell r="I22" t="str">
            <v>R444</v>
          </cell>
          <cell r="J22" t="str">
            <v>West London Waste Authority</v>
          </cell>
          <cell r="K22" t="str">
            <v>R444</v>
          </cell>
        </row>
        <row r="23">
          <cell r="A23" t="str">
            <v>R390</v>
          </cell>
          <cell r="B23" t="str">
            <v>Enfield</v>
          </cell>
          <cell r="C23" t="str">
            <v>R571</v>
          </cell>
          <cell r="D23" t="str">
            <v>GLA - police</v>
          </cell>
          <cell r="E23" t="str">
            <v>R571</v>
          </cell>
          <cell r="F23" t="str">
            <v>R572</v>
          </cell>
          <cell r="G23" t="str">
            <v>GLA - fire</v>
          </cell>
          <cell r="H23" t="str">
            <v>R572</v>
          </cell>
          <cell r="I23" t="str">
            <v>R445</v>
          </cell>
          <cell r="J23" t="str">
            <v>North London Waste Authority</v>
          </cell>
          <cell r="K23" t="str">
            <v>R445</v>
          </cell>
        </row>
        <row r="24">
          <cell r="A24" t="str">
            <v>R391</v>
          </cell>
          <cell r="B24" t="str">
            <v>Haringey</v>
          </cell>
          <cell r="C24" t="str">
            <v>R571</v>
          </cell>
          <cell r="D24" t="str">
            <v>GLA - police</v>
          </cell>
          <cell r="E24" t="str">
            <v>R571</v>
          </cell>
          <cell r="F24" t="str">
            <v>R572</v>
          </cell>
          <cell r="G24" t="str">
            <v>GLA - fire</v>
          </cell>
          <cell r="H24" t="str">
            <v>R572</v>
          </cell>
          <cell r="I24" t="str">
            <v>R445</v>
          </cell>
          <cell r="J24" t="str">
            <v>North London Waste Authority</v>
          </cell>
          <cell r="K24" t="str">
            <v>R445</v>
          </cell>
        </row>
        <row r="25">
          <cell r="A25" t="str">
            <v>R392</v>
          </cell>
          <cell r="B25" t="str">
            <v>Harrow</v>
          </cell>
          <cell r="C25" t="str">
            <v>R571</v>
          </cell>
          <cell r="D25" t="str">
            <v>GLA - police</v>
          </cell>
          <cell r="E25" t="str">
            <v>R571</v>
          </cell>
          <cell r="F25" t="str">
            <v>R572</v>
          </cell>
          <cell r="G25" t="str">
            <v>GLA - fire</v>
          </cell>
          <cell r="H25" t="str">
            <v>R572</v>
          </cell>
          <cell r="I25" t="str">
            <v>R444</v>
          </cell>
          <cell r="J25" t="str">
            <v>West London Waste Authority</v>
          </cell>
          <cell r="K25" t="str">
            <v>R444</v>
          </cell>
        </row>
        <row r="26">
          <cell r="A26" t="str">
            <v>R393</v>
          </cell>
          <cell r="B26" t="str">
            <v>Havering</v>
          </cell>
          <cell r="C26" t="str">
            <v>R571</v>
          </cell>
          <cell r="D26" t="str">
            <v>GLA - police</v>
          </cell>
          <cell r="E26" t="str">
            <v>R571</v>
          </cell>
          <cell r="F26" t="str">
            <v>R572</v>
          </cell>
          <cell r="G26" t="str">
            <v>GLA - fire</v>
          </cell>
          <cell r="H26" t="str">
            <v>R572</v>
          </cell>
          <cell r="I26" t="str">
            <v>R446</v>
          </cell>
          <cell r="J26" t="str">
            <v>East London Waste Authority</v>
          </cell>
          <cell r="K26" t="str">
            <v>R446</v>
          </cell>
        </row>
        <row r="27">
          <cell r="A27" t="str">
            <v>R394</v>
          </cell>
          <cell r="B27" t="str">
            <v>Hillingdon</v>
          </cell>
          <cell r="C27" t="str">
            <v>R571</v>
          </cell>
          <cell r="D27" t="str">
            <v>GLA - police</v>
          </cell>
          <cell r="E27" t="str">
            <v>R571</v>
          </cell>
          <cell r="F27" t="str">
            <v>R572</v>
          </cell>
          <cell r="G27" t="str">
            <v>GLA - fire</v>
          </cell>
          <cell r="H27" t="str">
            <v>R572</v>
          </cell>
          <cell r="I27" t="str">
            <v>R444</v>
          </cell>
          <cell r="J27" t="str">
            <v>West London Waste Authority</v>
          </cell>
          <cell r="K27" t="str">
            <v>R444</v>
          </cell>
        </row>
        <row r="28">
          <cell r="A28" t="str">
            <v>R395</v>
          </cell>
          <cell r="B28" t="str">
            <v>Hounslow</v>
          </cell>
          <cell r="C28" t="str">
            <v>R571</v>
          </cell>
          <cell r="D28" t="str">
            <v>GLA - police</v>
          </cell>
          <cell r="E28" t="str">
            <v>R571</v>
          </cell>
          <cell r="F28" t="str">
            <v>R572</v>
          </cell>
          <cell r="G28" t="str">
            <v>GLA - fire</v>
          </cell>
          <cell r="H28" t="str">
            <v>R572</v>
          </cell>
          <cell r="I28" t="str">
            <v>R444</v>
          </cell>
          <cell r="J28" t="str">
            <v>West London Waste Authority</v>
          </cell>
          <cell r="K28" t="str">
            <v>R444</v>
          </cell>
        </row>
        <row r="29">
          <cell r="A29" t="str">
            <v>R396</v>
          </cell>
          <cell r="B29" t="str">
            <v>Kingston upon Thames</v>
          </cell>
          <cell r="C29" t="str">
            <v>R571</v>
          </cell>
          <cell r="D29" t="str">
            <v>GLA - police</v>
          </cell>
          <cell r="E29" t="str">
            <v>R571</v>
          </cell>
          <cell r="F29" t="str">
            <v>R572</v>
          </cell>
          <cell r="G29" t="str">
            <v>GLA - fire</v>
          </cell>
          <cell r="H29" t="str">
            <v>R572</v>
          </cell>
        </row>
        <row r="30">
          <cell r="A30" t="str">
            <v>R397</v>
          </cell>
          <cell r="B30" t="str">
            <v>Merton</v>
          </cell>
          <cell r="C30" t="str">
            <v>R571</v>
          </cell>
          <cell r="D30" t="str">
            <v>GLA - police</v>
          </cell>
          <cell r="E30" t="str">
            <v>R571</v>
          </cell>
          <cell r="F30" t="str">
            <v>R572</v>
          </cell>
          <cell r="G30" t="str">
            <v>GLA - fire</v>
          </cell>
          <cell r="H30" t="str">
            <v>R572</v>
          </cell>
        </row>
        <row r="31">
          <cell r="A31" t="str">
            <v>R398</v>
          </cell>
          <cell r="B31" t="str">
            <v>Newham</v>
          </cell>
          <cell r="C31" t="str">
            <v>R571</v>
          </cell>
          <cell r="D31" t="str">
            <v>GLA - police</v>
          </cell>
          <cell r="E31" t="str">
            <v>R571</v>
          </cell>
          <cell r="F31" t="str">
            <v>R572</v>
          </cell>
          <cell r="G31" t="str">
            <v>GLA - fire</v>
          </cell>
          <cell r="H31" t="str">
            <v>R572</v>
          </cell>
          <cell r="I31" t="str">
            <v>R446</v>
          </cell>
          <cell r="J31" t="str">
            <v>East London Waste Authority</v>
          </cell>
          <cell r="K31" t="str">
            <v>R446</v>
          </cell>
        </row>
        <row r="32">
          <cell r="A32" t="str">
            <v>R399</v>
          </cell>
          <cell r="B32" t="str">
            <v>Redbridge</v>
          </cell>
          <cell r="C32" t="str">
            <v>R571</v>
          </cell>
          <cell r="D32" t="str">
            <v>GLA - police</v>
          </cell>
          <cell r="E32" t="str">
            <v>R571</v>
          </cell>
          <cell r="F32" t="str">
            <v>R572</v>
          </cell>
          <cell r="G32" t="str">
            <v>GLA - fire</v>
          </cell>
          <cell r="H32" t="str">
            <v>R572</v>
          </cell>
          <cell r="I32" t="str">
            <v>R446</v>
          </cell>
          <cell r="J32" t="str">
            <v>East London Waste Authority</v>
          </cell>
          <cell r="K32" t="str">
            <v>R446</v>
          </cell>
        </row>
        <row r="33">
          <cell r="A33" t="str">
            <v>R400</v>
          </cell>
          <cell r="B33" t="str">
            <v>Richmond upon Thames</v>
          </cell>
          <cell r="C33" t="str">
            <v>R571</v>
          </cell>
          <cell r="D33" t="str">
            <v>GLA - police</v>
          </cell>
          <cell r="E33" t="str">
            <v>R571</v>
          </cell>
          <cell r="F33" t="str">
            <v>R572</v>
          </cell>
          <cell r="G33" t="str">
            <v>GLA - fire</v>
          </cell>
          <cell r="H33" t="str">
            <v>R572</v>
          </cell>
          <cell r="I33" t="str">
            <v>R444</v>
          </cell>
          <cell r="J33" t="str">
            <v>West London Waste Authority</v>
          </cell>
          <cell r="K33" t="str">
            <v>R444</v>
          </cell>
        </row>
        <row r="34">
          <cell r="A34" t="str">
            <v>R401</v>
          </cell>
          <cell r="B34" t="str">
            <v>Sutton</v>
          </cell>
          <cell r="C34" t="str">
            <v>R571</v>
          </cell>
          <cell r="D34" t="str">
            <v>GLA - police</v>
          </cell>
          <cell r="E34" t="str">
            <v>R571</v>
          </cell>
          <cell r="F34" t="str">
            <v>R572</v>
          </cell>
          <cell r="G34" t="str">
            <v>GLA - fire</v>
          </cell>
          <cell r="H34" t="str">
            <v>R572</v>
          </cell>
        </row>
        <row r="35">
          <cell r="A35" t="str">
            <v>R402</v>
          </cell>
          <cell r="B35" t="str">
            <v>Waltham Forest</v>
          </cell>
          <cell r="C35" t="str">
            <v>R571</v>
          </cell>
          <cell r="D35" t="str">
            <v>GLA - police</v>
          </cell>
          <cell r="E35" t="str">
            <v>R571</v>
          </cell>
          <cell r="F35" t="str">
            <v>R572</v>
          </cell>
          <cell r="G35" t="str">
            <v>GLA - fire</v>
          </cell>
          <cell r="H35" t="str">
            <v>R572</v>
          </cell>
          <cell r="I35" t="str">
            <v>R445</v>
          </cell>
          <cell r="J35" t="str">
            <v>North London Waste Authority</v>
          </cell>
          <cell r="K35" t="str">
            <v>R445</v>
          </cell>
        </row>
        <row r="36">
          <cell r="A36" t="str">
            <v>R334</v>
          </cell>
          <cell r="B36" t="str">
            <v>Bolton</v>
          </cell>
          <cell r="C36" t="str">
            <v>R311</v>
          </cell>
          <cell r="D36" t="str">
            <v>Greater Manchester Police</v>
          </cell>
          <cell r="E36" t="str">
            <v>R311</v>
          </cell>
          <cell r="F36" t="str">
            <v>R301</v>
          </cell>
          <cell r="G36" t="str">
            <v>Greater Manchester Fire</v>
          </cell>
          <cell r="H36" t="str">
            <v>R301</v>
          </cell>
          <cell r="I36" t="str">
            <v>R448</v>
          </cell>
          <cell r="J36" t="str">
            <v>Greater Manchester Waste Disposal Authority</v>
          </cell>
          <cell r="K36" t="str">
            <v>R448</v>
          </cell>
        </row>
        <row r="37">
          <cell r="A37" t="str">
            <v>R335</v>
          </cell>
          <cell r="B37" t="str">
            <v>Bury</v>
          </cell>
          <cell r="C37" t="str">
            <v>R311</v>
          </cell>
          <cell r="D37" t="str">
            <v>Greater Manchester Police</v>
          </cell>
          <cell r="E37" t="str">
            <v>R311</v>
          </cell>
          <cell r="F37" t="str">
            <v>R301</v>
          </cell>
          <cell r="G37" t="str">
            <v>Greater Manchester Fire</v>
          </cell>
          <cell r="H37" t="str">
            <v>R301</v>
          </cell>
          <cell r="I37" t="str">
            <v>R448</v>
          </cell>
          <cell r="J37" t="str">
            <v>Greater Manchester Waste Disposal Authority</v>
          </cell>
          <cell r="K37" t="str">
            <v>R448</v>
          </cell>
        </row>
        <row r="38">
          <cell r="A38" t="str">
            <v>R336</v>
          </cell>
          <cell r="B38" t="str">
            <v>Manchester</v>
          </cell>
          <cell r="C38" t="str">
            <v>R311</v>
          </cell>
          <cell r="D38" t="str">
            <v>Greater Manchester Police</v>
          </cell>
          <cell r="E38" t="str">
            <v>R311</v>
          </cell>
          <cell r="F38" t="str">
            <v>R301</v>
          </cell>
          <cell r="G38" t="str">
            <v>Greater Manchester Fire</v>
          </cell>
          <cell r="H38" t="str">
            <v>R301</v>
          </cell>
          <cell r="I38" t="str">
            <v>R448</v>
          </cell>
          <cell r="J38" t="str">
            <v>Greater Manchester Waste Disposal Authority</v>
          </cell>
          <cell r="K38" t="str">
            <v>R448</v>
          </cell>
        </row>
        <row r="39">
          <cell r="A39" t="str">
            <v>R337</v>
          </cell>
          <cell r="B39" t="str">
            <v>Oldham</v>
          </cell>
          <cell r="C39" t="str">
            <v>R311</v>
          </cell>
          <cell r="D39" t="str">
            <v>Greater Manchester Police</v>
          </cell>
          <cell r="E39" t="str">
            <v>R311</v>
          </cell>
          <cell r="F39" t="str">
            <v>R301</v>
          </cell>
          <cell r="G39" t="str">
            <v>Greater Manchester Fire</v>
          </cell>
          <cell r="H39" t="str">
            <v>R301</v>
          </cell>
          <cell r="I39" t="str">
            <v>R448</v>
          </cell>
          <cell r="J39" t="str">
            <v>Greater Manchester Waste Disposal Authority</v>
          </cell>
          <cell r="K39" t="str">
            <v>R448</v>
          </cell>
        </row>
        <row r="40">
          <cell r="A40" t="str">
            <v>R338</v>
          </cell>
          <cell r="B40" t="str">
            <v>Rochdale</v>
          </cell>
          <cell r="C40" t="str">
            <v>R311</v>
          </cell>
          <cell r="D40" t="str">
            <v>Greater Manchester Police</v>
          </cell>
          <cell r="E40" t="str">
            <v>R311</v>
          </cell>
          <cell r="F40" t="str">
            <v>R301</v>
          </cell>
          <cell r="G40" t="str">
            <v>Greater Manchester Fire</v>
          </cell>
          <cell r="H40" t="str">
            <v>R301</v>
          </cell>
          <cell r="I40" t="str">
            <v>R448</v>
          </cell>
          <cell r="J40" t="str">
            <v>Greater Manchester Waste Disposal Authority</v>
          </cell>
          <cell r="K40" t="str">
            <v>R448</v>
          </cell>
        </row>
        <row r="41">
          <cell r="A41" t="str">
            <v>R339</v>
          </cell>
          <cell r="B41" t="str">
            <v>Salford</v>
          </cell>
          <cell r="C41" t="str">
            <v>R311</v>
          </cell>
          <cell r="D41" t="str">
            <v>Greater Manchester Police</v>
          </cell>
          <cell r="E41" t="str">
            <v>R311</v>
          </cell>
          <cell r="F41" t="str">
            <v>R301</v>
          </cell>
          <cell r="G41" t="str">
            <v>Greater Manchester Fire</v>
          </cell>
          <cell r="H41" t="str">
            <v>R301</v>
          </cell>
          <cell r="I41" t="str">
            <v>R448</v>
          </cell>
          <cell r="J41" t="str">
            <v>Greater Manchester Waste Disposal Authority</v>
          </cell>
          <cell r="K41" t="str">
            <v>R448</v>
          </cell>
        </row>
        <row r="42">
          <cell r="A42" t="str">
            <v>R340</v>
          </cell>
          <cell r="B42" t="str">
            <v>Stockport</v>
          </cell>
          <cell r="C42" t="str">
            <v>R311</v>
          </cell>
          <cell r="D42" t="str">
            <v>Greater Manchester Police</v>
          </cell>
          <cell r="E42" t="str">
            <v>R311</v>
          </cell>
          <cell r="F42" t="str">
            <v>R301</v>
          </cell>
          <cell r="G42" t="str">
            <v>Greater Manchester Fire</v>
          </cell>
          <cell r="H42" t="str">
            <v>R301</v>
          </cell>
          <cell r="I42" t="str">
            <v>R448</v>
          </cell>
          <cell r="J42" t="str">
            <v>Greater Manchester Waste Disposal Authority</v>
          </cell>
          <cell r="K42" t="str">
            <v>R448</v>
          </cell>
        </row>
        <row r="43">
          <cell r="A43" t="str">
            <v>R341</v>
          </cell>
          <cell r="B43" t="str">
            <v>Tameside</v>
          </cell>
          <cell r="C43" t="str">
            <v>R311</v>
          </cell>
          <cell r="D43" t="str">
            <v>Greater Manchester Police</v>
          </cell>
          <cell r="E43" t="str">
            <v>R311</v>
          </cell>
          <cell r="F43" t="str">
            <v>R301</v>
          </cell>
          <cell r="G43" t="str">
            <v>Greater Manchester Fire</v>
          </cell>
          <cell r="H43" t="str">
            <v>R301</v>
          </cell>
          <cell r="I43" t="str">
            <v>R448</v>
          </cell>
          <cell r="J43" t="str">
            <v>Greater Manchester Waste Disposal Authority</v>
          </cell>
          <cell r="K43" t="str">
            <v>R448</v>
          </cell>
        </row>
        <row r="44">
          <cell r="A44" t="str">
            <v>R342</v>
          </cell>
          <cell r="B44" t="str">
            <v>Trafford</v>
          </cell>
          <cell r="C44" t="str">
            <v>R311</v>
          </cell>
          <cell r="D44" t="str">
            <v>Greater Manchester Police</v>
          </cell>
          <cell r="E44" t="str">
            <v>R311</v>
          </cell>
          <cell r="F44" t="str">
            <v>R301</v>
          </cell>
          <cell r="G44" t="str">
            <v>Greater Manchester Fire</v>
          </cell>
          <cell r="H44" t="str">
            <v>R301</v>
          </cell>
          <cell r="I44" t="str">
            <v>R448</v>
          </cell>
          <cell r="J44" t="str">
            <v>Greater Manchester Waste Disposal Authority</v>
          </cell>
          <cell r="K44" t="str">
            <v>R448</v>
          </cell>
        </row>
        <row r="45">
          <cell r="A45" t="str">
            <v>R343</v>
          </cell>
          <cell r="B45" t="str">
            <v>Wigan</v>
          </cell>
          <cell r="C45" t="str">
            <v>R311</v>
          </cell>
          <cell r="D45" t="str">
            <v>Greater Manchester Police</v>
          </cell>
          <cell r="E45" t="str">
            <v>R311</v>
          </cell>
          <cell r="F45" t="str">
            <v>R301</v>
          </cell>
          <cell r="G45" t="str">
            <v>Greater Manchester Fire</v>
          </cell>
          <cell r="H45" t="str">
            <v>R301</v>
          </cell>
        </row>
        <row r="46">
          <cell r="A46" t="str">
            <v>R344</v>
          </cell>
          <cell r="B46" t="str">
            <v>Knowsley</v>
          </cell>
          <cell r="C46" t="str">
            <v>R312</v>
          </cell>
          <cell r="D46" t="str">
            <v>Merseyside Police</v>
          </cell>
          <cell r="E46" t="str">
            <v>R312</v>
          </cell>
          <cell r="F46" t="str">
            <v>R302</v>
          </cell>
          <cell r="G46" t="str">
            <v>Merseyside Fire</v>
          </cell>
          <cell r="H46" t="str">
            <v>R302</v>
          </cell>
          <cell r="I46" t="str">
            <v>R449</v>
          </cell>
          <cell r="J46" t="str">
            <v>Merseyside Waste Disposal Authority</v>
          </cell>
          <cell r="K46" t="str">
            <v>R449</v>
          </cell>
        </row>
        <row r="47">
          <cell r="A47" t="str">
            <v>R345</v>
          </cell>
          <cell r="B47" t="str">
            <v>Liverpool</v>
          </cell>
          <cell r="C47" t="str">
            <v>R312</v>
          </cell>
          <cell r="D47" t="str">
            <v>Merseyside Police</v>
          </cell>
          <cell r="E47" t="str">
            <v>R312</v>
          </cell>
          <cell r="F47" t="str">
            <v>R302</v>
          </cell>
          <cell r="G47" t="str">
            <v>Merseyside Fire</v>
          </cell>
          <cell r="H47" t="str">
            <v>R302</v>
          </cell>
          <cell r="I47" t="str">
            <v>R449</v>
          </cell>
          <cell r="J47" t="str">
            <v>Merseyside Waste Disposal Authority</v>
          </cell>
          <cell r="K47" t="str">
            <v>R449</v>
          </cell>
        </row>
        <row r="48">
          <cell r="A48" t="str">
            <v>R346</v>
          </cell>
          <cell r="B48" t="str">
            <v>St Helens</v>
          </cell>
          <cell r="C48" t="str">
            <v>R312</v>
          </cell>
          <cell r="D48" t="str">
            <v>Merseyside Police</v>
          </cell>
          <cell r="E48" t="str">
            <v>R312</v>
          </cell>
          <cell r="F48" t="str">
            <v>R302</v>
          </cell>
          <cell r="G48" t="str">
            <v>Merseyside Fire</v>
          </cell>
          <cell r="H48" t="str">
            <v>R302</v>
          </cell>
          <cell r="I48" t="str">
            <v>R449</v>
          </cell>
          <cell r="J48" t="str">
            <v>Merseyside Waste Disposal Authority</v>
          </cell>
          <cell r="K48" t="str">
            <v>R449</v>
          </cell>
        </row>
        <row r="49">
          <cell r="A49" t="str">
            <v>R347</v>
          </cell>
          <cell r="B49" t="str">
            <v>Sefton</v>
          </cell>
          <cell r="C49" t="str">
            <v>R312</v>
          </cell>
          <cell r="D49" t="str">
            <v>Merseyside Police</v>
          </cell>
          <cell r="E49" t="str">
            <v>R312</v>
          </cell>
          <cell r="F49" t="str">
            <v>R302</v>
          </cell>
          <cell r="G49" t="str">
            <v>Merseyside Fire</v>
          </cell>
          <cell r="H49" t="str">
            <v>R302</v>
          </cell>
          <cell r="I49" t="str">
            <v>R449</v>
          </cell>
          <cell r="J49" t="str">
            <v>Merseyside Waste Disposal Authority</v>
          </cell>
          <cell r="K49" t="str">
            <v>R449</v>
          </cell>
        </row>
        <row r="50">
          <cell r="A50" t="str">
            <v>R348</v>
          </cell>
          <cell r="B50" t="str">
            <v>Wirral</v>
          </cell>
          <cell r="C50" t="str">
            <v>R312</v>
          </cell>
          <cell r="D50" t="str">
            <v>Merseyside Police</v>
          </cell>
          <cell r="E50" t="str">
            <v>R312</v>
          </cell>
          <cell r="F50" t="str">
            <v>R302</v>
          </cell>
          <cell r="G50" t="str">
            <v>Merseyside Fire</v>
          </cell>
          <cell r="H50" t="str">
            <v>R302</v>
          </cell>
          <cell r="I50" t="str">
            <v>R449</v>
          </cell>
          <cell r="J50" t="str">
            <v>Merseyside Waste Disposal Authority</v>
          </cell>
          <cell r="K50" t="str">
            <v>R449</v>
          </cell>
        </row>
        <row r="51">
          <cell r="A51" t="str">
            <v>R349</v>
          </cell>
          <cell r="B51" t="str">
            <v>Barnsley</v>
          </cell>
          <cell r="C51" t="str">
            <v>R313</v>
          </cell>
          <cell r="D51" t="str">
            <v>South Yorkshire Police</v>
          </cell>
          <cell r="E51" t="str">
            <v>R313</v>
          </cell>
          <cell r="F51" t="str">
            <v>R303</v>
          </cell>
          <cell r="G51" t="str">
            <v>South Yorkshire Fire</v>
          </cell>
          <cell r="H51" t="str">
            <v>R303</v>
          </cell>
        </row>
        <row r="52">
          <cell r="A52" t="str">
            <v>R350</v>
          </cell>
          <cell r="B52" t="str">
            <v>Doncaster</v>
          </cell>
          <cell r="C52" t="str">
            <v>R313</v>
          </cell>
          <cell r="D52" t="str">
            <v>South Yorkshire Police</v>
          </cell>
          <cell r="E52" t="str">
            <v>R313</v>
          </cell>
          <cell r="F52" t="str">
            <v>R303</v>
          </cell>
          <cell r="G52" t="str">
            <v>South Yorkshire Fire</v>
          </cell>
          <cell r="H52" t="str">
            <v>R303</v>
          </cell>
        </row>
        <row r="53">
          <cell r="A53" t="str">
            <v>R351</v>
          </cell>
          <cell r="B53" t="str">
            <v>Rotherham</v>
          </cell>
          <cell r="C53" t="str">
            <v>R313</v>
          </cell>
          <cell r="D53" t="str">
            <v>South Yorkshire Police</v>
          </cell>
          <cell r="E53" t="str">
            <v>R313</v>
          </cell>
          <cell r="F53" t="str">
            <v>R303</v>
          </cell>
          <cell r="G53" t="str">
            <v>South Yorkshire Fire</v>
          </cell>
          <cell r="H53" t="str">
            <v>R303</v>
          </cell>
        </row>
        <row r="54">
          <cell r="A54" t="str">
            <v>R352</v>
          </cell>
          <cell r="B54" t="str">
            <v>Sheffield</v>
          </cell>
          <cell r="C54" t="str">
            <v>R313</v>
          </cell>
          <cell r="D54" t="str">
            <v>South Yorkshire Police</v>
          </cell>
          <cell r="E54" t="str">
            <v>R313</v>
          </cell>
          <cell r="F54" t="str">
            <v>R303</v>
          </cell>
          <cell r="G54" t="str">
            <v>South Yorkshire Fire</v>
          </cell>
          <cell r="H54" t="str">
            <v>R303</v>
          </cell>
        </row>
        <row r="55">
          <cell r="A55" t="str">
            <v>R353</v>
          </cell>
          <cell r="B55" t="str">
            <v>Gateshead</v>
          </cell>
          <cell r="C55" t="str">
            <v>R314</v>
          </cell>
          <cell r="D55" t="str">
            <v>Northumbria Police</v>
          </cell>
          <cell r="E55" t="str">
            <v>R314</v>
          </cell>
          <cell r="F55" t="str">
            <v>R304</v>
          </cell>
          <cell r="G55" t="str">
            <v>Tyne and Wear Fire</v>
          </cell>
          <cell r="H55" t="str">
            <v>R304</v>
          </cell>
        </row>
        <row r="56">
          <cell r="A56" t="str">
            <v>R354</v>
          </cell>
          <cell r="B56" t="str">
            <v>Newcastle upon Tyne</v>
          </cell>
          <cell r="C56" t="str">
            <v>R314</v>
          </cell>
          <cell r="D56" t="str">
            <v>Northumbria Police</v>
          </cell>
          <cell r="E56" t="str">
            <v>R314</v>
          </cell>
          <cell r="F56" t="str">
            <v>R304</v>
          </cell>
          <cell r="G56" t="str">
            <v>Tyne and Wear Fire</v>
          </cell>
          <cell r="H56" t="str">
            <v>R304</v>
          </cell>
        </row>
        <row r="57">
          <cell r="A57" t="str">
            <v>R355</v>
          </cell>
          <cell r="B57" t="str">
            <v>North Tyneside</v>
          </cell>
          <cell r="C57" t="str">
            <v>R314</v>
          </cell>
          <cell r="D57" t="str">
            <v>Northumbria Police</v>
          </cell>
          <cell r="E57" t="str">
            <v>R314</v>
          </cell>
          <cell r="F57" t="str">
            <v>R304</v>
          </cell>
          <cell r="G57" t="str">
            <v>Tyne and Wear Fire</v>
          </cell>
          <cell r="H57" t="str">
            <v>R304</v>
          </cell>
        </row>
        <row r="58">
          <cell r="A58" t="str">
            <v>R356</v>
          </cell>
          <cell r="B58" t="str">
            <v>South Tyneside</v>
          </cell>
          <cell r="C58" t="str">
            <v>R314</v>
          </cell>
          <cell r="D58" t="str">
            <v>Northumbria Police</v>
          </cell>
          <cell r="E58" t="str">
            <v>R314</v>
          </cell>
          <cell r="F58" t="str">
            <v>R304</v>
          </cell>
          <cell r="G58" t="str">
            <v>Tyne and Wear Fire</v>
          </cell>
          <cell r="H58" t="str">
            <v>R304</v>
          </cell>
        </row>
        <row r="59">
          <cell r="A59" t="str">
            <v>R357</v>
          </cell>
          <cell r="B59" t="str">
            <v>Sunderland</v>
          </cell>
          <cell r="C59" t="str">
            <v>R314</v>
          </cell>
          <cell r="D59" t="str">
            <v>Northumbria Police</v>
          </cell>
          <cell r="E59" t="str">
            <v>R314</v>
          </cell>
          <cell r="F59" t="str">
            <v>R304</v>
          </cell>
          <cell r="G59" t="str">
            <v>Tyne and Wear Fire</v>
          </cell>
          <cell r="H59" t="str">
            <v>R304</v>
          </cell>
        </row>
        <row r="60">
          <cell r="A60" t="str">
            <v>R358</v>
          </cell>
          <cell r="B60" t="str">
            <v>Birmingham</v>
          </cell>
          <cell r="C60" t="str">
            <v>R315</v>
          </cell>
          <cell r="D60" t="str">
            <v>West Midlands Police</v>
          </cell>
          <cell r="E60" t="str">
            <v>R315</v>
          </cell>
          <cell r="F60" t="str">
            <v>R305</v>
          </cell>
          <cell r="G60" t="str">
            <v>West Midlands Fire</v>
          </cell>
          <cell r="H60" t="str">
            <v>R305</v>
          </cell>
        </row>
        <row r="61">
          <cell r="A61" t="str">
            <v>R359</v>
          </cell>
          <cell r="B61" t="str">
            <v>Coventry</v>
          </cell>
          <cell r="C61" t="str">
            <v>R315</v>
          </cell>
          <cell r="D61" t="str">
            <v>West Midlands Police</v>
          </cell>
          <cell r="E61" t="str">
            <v>R315</v>
          </cell>
          <cell r="F61" t="str">
            <v>R305</v>
          </cell>
          <cell r="G61" t="str">
            <v>West Midlands Fire</v>
          </cell>
          <cell r="H61" t="str">
            <v>R305</v>
          </cell>
        </row>
        <row r="62">
          <cell r="A62" t="str">
            <v>R360</v>
          </cell>
          <cell r="B62" t="str">
            <v>Dudley</v>
          </cell>
          <cell r="C62" t="str">
            <v>R315</v>
          </cell>
          <cell r="D62" t="str">
            <v>West Midlands Police</v>
          </cell>
          <cell r="E62" t="str">
            <v>R315</v>
          </cell>
          <cell r="F62" t="str">
            <v>R305</v>
          </cell>
          <cell r="G62" t="str">
            <v>West Midlands Fire</v>
          </cell>
          <cell r="H62" t="str">
            <v>R305</v>
          </cell>
        </row>
        <row r="63">
          <cell r="A63" t="str">
            <v>R361</v>
          </cell>
          <cell r="B63" t="str">
            <v>Sandwell</v>
          </cell>
          <cell r="C63" t="str">
            <v>R315</v>
          </cell>
          <cell r="D63" t="str">
            <v>West Midlands Police</v>
          </cell>
          <cell r="E63" t="str">
            <v>R315</v>
          </cell>
          <cell r="F63" t="str">
            <v>R305</v>
          </cell>
          <cell r="G63" t="str">
            <v>West Midlands Fire</v>
          </cell>
          <cell r="H63" t="str">
            <v>R305</v>
          </cell>
        </row>
        <row r="64">
          <cell r="A64" t="str">
            <v>R362</v>
          </cell>
          <cell r="B64" t="str">
            <v>Solihull</v>
          </cell>
          <cell r="C64" t="str">
            <v>R315</v>
          </cell>
          <cell r="D64" t="str">
            <v>West Midlands Police</v>
          </cell>
          <cell r="E64" t="str">
            <v>R315</v>
          </cell>
          <cell r="F64" t="str">
            <v>R305</v>
          </cell>
          <cell r="G64" t="str">
            <v>West Midlands Fire</v>
          </cell>
          <cell r="H64" t="str">
            <v>R305</v>
          </cell>
        </row>
        <row r="65">
          <cell r="A65" t="str">
            <v>R363</v>
          </cell>
          <cell r="B65" t="str">
            <v>Walsall</v>
          </cell>
          <cell r="C65" t="str">
            <v>R315</v>
          </cell>
          <cell r="D65" t="str">
            <v>West Midlands Police</v>
          </cell>
          <cell r="E65" t="str">
            <v>R315</v>
          </cell>
          <cell r="F65" t="str">
            <v>R305</v>
          </cell>
          <cell r="G65" t="str">
            <v>West Midlands Fire</v>
          </cell>
          <cell r="H65" t="str">
            <v>R305</v>
          </cell>
        </row>
        <row r="66">
          <cell r="A66" t="str">
            <v>R364</v>
          </cell>
          <cell r="B66" t="str">
            <v>Wolverhampton</v>
          </cell>
          <cell r="C66" t="str">
            <v>R315</v>
          </cell>
          <cell r="D66" t="str">
            <v>West Midlands Police</v>
          </cell>
          <cell r="E66" t="str">
            <v>R315</v>
          </cell>
          <cell r="F66" t="str">
            <v>R305</v>
          </cell>
          <cell r="G66" t="str">
            <v>West Midlands Fire</v>
          </cell>
          <cell r="H66" t="str">
            <v>R305</v>
          </cell>
        </row>
        <row r="67">
          <cell r="A67" t="str">
            <v>R365</v>
          </cell>
          <cell r="B67" t="str">
            <v>Bradford</v>
          </cell>
          <cell r="C67" t="str">
            <v>R316</v>
          </cell>
          <cell r="D67" t="str">
            <v>West Yorkshire Police</v>
          </cell>
          <cell r="E67" t="str">
            <v>R316</v>
          </cell>
          <cell r="F67" t="str">
            <v>R306</v>
          </cell>
          <cell r="G67" t="str">
            <v>West Yorkshire Fire</v>
          </cell>
          <cell r="H67" t="str">
            <v>R306</v>
          </cell>
        </row>
        <row r="68">
          <cell r="A68" t="str">
            <v>R366</v>
          </cell>
          <cell r="B68" t="str">
            <v>Calderdale</v>
          </cell>
          <cell r="C68" t="str">
            <v>R316</v>
          </cell>
          <cell r="D68" t="str">
            <v>West Yorkshire Police</v>
          </cell>
          <cell r="E68" t="str">
            <v>R316</v>
          </cell>
          <cell r="F68" t="str">
            <v>R306</v>
          </cell>
          <cell r="G68" t="str">
            <v>West Yorkshire Fire</v>
          </cell>
          <cell r="H68" t="str">
            <v>R306</v>
          </cell>
        </row>
        <row r="69">
          <cell r="A69" t="str">
            <v>R367</v>
          </cell>
          <cell r="B69" t="str">
            <v>Kirklees</v>
          </cell>
          <cell r="C69" t="str">
            <v>R316</v>
          </cell>
          <cell r="D69" t="str">
            <v>West Yorkshire Police</v>
          </cell>
          <cell r="E69" t="str">
            <v>R316</v>
          </cell>
          <cell r="F69" t="str">
            <v>R306</v>
          </cell>
          <cell r="G69" t="str">
            <v>West Yorkshire Fire</v>
          </cell>
          <cell r="H69" t="str">
            <v>R306</v>
          </cell>
        </row>
        <row r="70">
          <cell r="A70" t="str">
            <v>R368</v>
          </cell>
          <cell r="B70" t="str">
            <v>Leeds</v>
          </cell>
          <cell r="C70" t="str">
            <v>R316</v>
          </cell>
          <cell r="D70" t="str">
            <v>West Yorkshire Police</v>
          </cell>
          <cell r="E70" t="str">
            <v>R316</v>
          </cell>
          <cell r="F70" t="str">
            <v>R306</v>
          </cell>
          <cell r="G70" t="str">
            <v>West Yorkshire Fire</v>
          </cell>
          <cell r="H70" t="str">
            <v>R306</v>
          </cell>
        </row>
        <row r="71">
          <cell r="A71" t="str">
            <v>R369</v>
          </cell>
          <cell r="B71" t="str">
            <v>Wakefield</v>
          </cell>
          <cell r="C71" t="str">
            <v>R316</v>
          </cell>
          <cell r="D71" t="str">
            <v>West Yorkshire Police</v>
          </cell>
          <cell r="E71" t="str">
            <v>R316</v>
          </cell>
          <cell r="F71" t="str">
            <v>R306</v>
          </cell>
          <cell r="G71" t="str">
            <v>West Yorkshire Fire</v>
          </cell>
          <cell r="H71" t="str">
            <v>R306</v>
          </cell>
        </row>
        <row r="72">
          <cell r="A72" t="str">
            <v>R412</v>
          </cell>
          <cell r="B72" t="str">
            <v>Cumbria</v>
          </cell>
          <cell r="C72" t="str">
            <v>R912</v>
          </cell>
          <cell r="D72" t="str">
            <v>Cumbria Police</v>
          </cell>
          <cell r="E72" t="str">
            <v>R912</v>
          </cell>
        </row>
        <row r="73">
          <cell r="A73" t="str">
            <v>R419</v>
          </cell>
          <cell r="B73" t="str">
            <v>Gloucestershire</v>
          </cell>
          <cell r="C73" t="str">
            <v>R919</v>
          </cell>
          <cell r="D73" t="str">
            <v>Gloucestershire Police</v>
          </cell>
          <cell r="E73" t="str">
            <v>R919</v>
          </cell>
        </row>
        <row r="74">
          <cell r="A74" t="str">
            <v>R422</v>
          </cell>
          <cell r="B74" t="str">
            <v>Hertfordshire</v>
          </cell>
          <cell r="C74" t="str">
            <v>R552</v>
          </cell>
          <cell r="D74" t="str">
            <v>Hertfordshire Police 2000</v>
          </cell>
          <cell r="E74" t="str">
            <v>R552</v>
          </cell>
        </row>
        <row r="75">
          <cell r="A75" t="str">
            <v>R428</v>
          </cell>
          <cell r="B75" t="str">
            <v>Lincolnshire</v>
          </cell>
          <cell r="C75" t="str">
            <v>R928</v>
          </cell>
          <cell r="D75" t="str">
            <v>Lincolnshire Police</v>
          </cell>
          <cell r="E75" t="str">
            <v>R928</v>
          </cell>
        </row>
        <row r="76">
          <cell r="A76" t="str">
            <v>R429</v>
          </cell>
          <cell r="B76" t="str">
            <v>Norfolk</v>
          </cell>
          <cell r="C76" t="str">
            <v>R929</v>
          </cell>
          <cell r="D76" t="str">
            <v>Norfolk Police</v>
          </cell>
          <cell r="E76" t="str">
            <v>R929</v>
          </cell>
        </row>
        <row r="77">
          <cell r="A77" t="str">
            <v>R430</v>
          </cell>
          <cell r="B77" t="str">
            <v>Northamptonshire</v>
          </cell>
          <cell r="C77" t="str">
            <v>R930</v>
          </cell>
          <cell r="D77" t="str">
            <v>Northamptonshire Police</v>
          </cell>
          <cell r="E77" t="str">
            <v>R930</v>
          </cell>
        </row>
        <row r="78">
          <cell r="A78" t="str">
            <v>R434</v>
          </cell>
          <cell r="B78" t="str">
            <v>Oxfordshire</v>
          </cell>
          <cell r="C78" t="str">
            <v>R476</v>
          </cell>
          <cell r="D78" t="str">
            <v>Thames Valley Police</v>
          </cell>
          <cell r="E78" t="str">
            <v>R476</v>
          </cell>
        </row>
        <row r="79">
          <cell r="A79" t="str">
            <v>R436</v>
          </cell>
          <cell r="B79" t="str">
            <v>Somerset</v>
          </cell>
          <cell r="C79" t="str">
            <v>R471</v>
          </cell>
          <cell r="D79" t="str">
            <v>Avon &amp; Somerset Police</v>
          </cell>
          <cell r="E79" t="str">
            <v>R471</v>
          </cell>
          <cell r="F79" t="str">
            <v>R751</v>
          </cell>
          <cell r="G79" t="str">
            <v>Devon and Somerset Fire Authority</v>
          </cell>
          <cell r="H79" t="str">
            <v>R751</v>
          </cell>
        </row>
        <row r="80">
          <cell r="A80" t="str">
            <v>R438</v>
          </cell>
          <cell r="B80" t="str">
            <v>Suffolk</v>
          </cell>
          <cell r="C80" t="str">
            <v>R938</v>
          </cell>
          <cell r="D80" t="str">
            <v>Suffolk Police</v>
          </cell>
          <cell r="E80" t="str">
            <v>R938</v>
          </cell>
        </row>
        <row r="81">
          <cell r="A81" t="str">
            <v>R439</v>
          </cell>
          <cell r="B81" t="str">
            <v>Surrey</v>
          </cell>
          <cell r="C81" t="str">
            <v>R553</v>
          </cell>
          <cell r="D81" t="str">
            <v>Surrey Police 2000</v>
          </cell>
          <cell r="E81" t="str">
            <v>R553</v>
          </cell>
        </row>
        <row r="82">
          <cell r="A82" t="str">
            <v>R440</v>
          </cell>
          <cell r="B82" t="str">
            <v>Warwickshire</v>
          </cell>
          <cell r="C82" t="str">
            <v>R940</v>
          </cell>
          <cell r="D82" t="str">
            <v>Warwickshire Police</v>
          </cell>
          <cell r="E82" t="str">
            <v>R940</v>
          </cell>
        </row>
        <row r="83">
          <cell r="A83" t="str">
            <v>R441</v>
          </cell>
          <cell r="B83" t="str">
            <v>West Sussex</v>
          </cell>
          <cell r="C83" t="str">
            <v>R475</v>
          </cell>
          <cell r="D83" t="str">
            <v>Sussex Police</v>
          </cell>
          <cell r="E83" t="str">
            <v>R475</v>
          </cell>
        </row>
        <row r="84">
          <cell r="A84" t="str">
            <v>R618</v>
          </cell>
          <cell r="B84" t="str">
            <v>North Yorkshire</v>
          </cell>
          <cell r="C84" t="str">
            <v>R932</v>
          </cell>
          <cell r="D84" t="str">
            <v>North Yorkshire Police</v>
          </cell>
          <cell r="E84" t="str">
            <v>R932</v>
          </cell>
          <cell r="F84" t="str">
            <v>R953</v>
          </cell>
          <cell r="G84" t="str">
            <v>North Yorkshire Fire Authority</v>
          </cell>
          <cell r="H84" t="str">
            <v>R953</v>
          </cell>
        </row>
        <row r="85">
          <cell r="A85" t="str">
            <v>R633</v>
          </cell>
          <cell r="B85" t="str">
            <v>Buckinghamshire</v>
          </cell>
          <cell r="C85" t="str">
            <v>R476</v>
          </cell>
          <cell r="D85" t="str">
            <v>Thames Valley Police</v>
          </cell>
          <cell r="E85" t="str">
            <v>R476</v>
          </cell>
          <cell r="F85" t="str">
            <v>R955</v>
          </cell>
          <cell r="G85" t="str">
            <v>Buckinghamshire Fire Authority</v>
          </cell>
          <cell r="H85" t="str">
            <v>R955</v>
          </cell>
        </row>
        <row r="86">
          <cell r="A86" t="str">
            <v>R634</v>
          </cell>
          <cell r="B86" t="str">
            <v>Derbyshire</v>
          </cell>
          <cell r="C86" t="str">
            <v>R913</v>
          </cell>
          <cell r="D86" t="str">
            <v>Derbyshire Police</v>
          </cell>
          <cell r="E86" t="str">
            <v>R913</v>
          </cell>
          <cell r="F86" t="str">
            <v>R956</v>
          </cell>
          <cell r="G86" t="str">
            <v>Derbyshire Fire Authority</v>
          </cell>
          <cell r="H86" t="str">
            <v>R956</v>
          </cell>
        </row>
        <row r="87">
          <cell r="A87" t="str">
            <v>R635</v>
          </cell>
          <cell r="B87" t="str">
            <v>Dorset</v>
          </cell>
          <cell r="C87" t="str">
            <v>R915</v>
          </cell>
          <cell r="D87" t="str">
            <v>Dorset Police</v>
          </cell>
          <cell r="E87" t="str">
            <v>R915</v>
          </cell>
          <cell r="F87" t="str">
            <v>R957</v>
          </cell>
          <cell r="G87" t="str">
            <v>Dorset Fire Authority</v>
          </cell>
          <cell r="H87" t="str">
            <v>R957</v>
          </cell>
        </row>
        <row r="88">
          <cell r="A88" t="str">
            <v>R637</v>
          </cell>
          <cell r="B88" t="str">
            <v>East Sussex</v>
          </cell>
          <cell r="C88" t="str">
            <v>R475</v>
          </cell>
          <cell r="D88" t="str">
            <v>Sussex Police</v>
          </cell>
          <cell r="E88" t="str">
            <v>R475</v>
          </cell>
          <cell r="F88" t="str">
            <v>R959</v>
          </cell>
          <cell r="G88" t="str">
            <v>East Sussex Fire Authority</v>
          </cell>
          <cell r="H88" t="str">
            <v>R959</v>
          </cell>
        </row>
        <row r="89">
          <cell r="A89" t="str">
            <v>R638</v>
          </cell>
          <cell r="B89" t="str">
            <v>Hampshire</v>
          </cell>
          <cell r="C89" t="str">
            <v>R473</v>
          </cell>
          <cell r="D89" t="str">
            <v>Hampshire Police</v>
          </cell>
          <cell r="E89" t="str">
            <v>R473</v>
          </cell>
          <cell r="F89" t="str">
            <v>R960</v>
          </cell>
          <cell r="G89" t="str">
            <v>Hampshire Fire Authority</v>
          </cell>
          <cell r="H89" t="str">
            <v>R960</v>
          </cell>
        </row>
        <row r="90">
          <cell r="A90" t="str">
            <v>R639</v>
          </cell>
          <cell r="B90" t="str">
            <v>Leicestershire</v>
          </cell>
          <cell r="C90" t="str">
            <v>R927</v>
          </cell>
          <cell r="D90" t="str">
            <v>Leicestershire Police</v>
          </cell>
          <cell r="E90" t="str">
            <v>R927</v>
          </cell>
          <cell r="F90" t="str">
            <v>R961</v>
          </cell>
          <cell r="G90" t="str">
            <v>Leicestershire Fire Authority</v>
          </cell>
          <cell r="H90" t="str">
            <v>R961</v>
          </cell>
        </row>
        <row r="91">
          <cell r="A91" t="str">
            <v>R640</v>
          </cell>
          <cell r="B91" t="str">
            <v>Staffordshire</v>
          </cell>
          <cell r="C91" t="str">
            <v>R937</v>
          </cell>
          <cell r="D91" t="str">
            <v>Staffordshire Police</v>
          </cell>
          <cell r="E91" t="str">
            <v>R937</v>
          </cell>
          <cell r="F91" t="str">
            <v>R962</v>
          </cell>
          <cell r="G91" t="str">
            <v>Staffordshire Fire Authority</v>
          </cell>
          <cell r="H91" t="str">
            <v>R962</v>
          </cell>
        </row>
        <row r="92">
          <cell r="A92" t="str">
            <v>R663</v>
          </cell>
          <cell r="B92" t="str">
            <v>Cambridgeshire</v>
          </cell>
          <cell r="C92" t="str">
            <v>R908</v>
          </cell>
          <cell r="D92" t="str">
            <v>Cambridgeshire Police</v>
          </cell>
          <cell r="E92" t="str">
            <v>R908</v>
          </cell>
          <cell r="F92" t="str">
            <v>R965</v>
          </cell>
          <cell r="G92" t="str">
            <v>Cambridgeshire Fire Authority</v>
          </cell>
          <cell r="H92" t="str">
            <v>R965</v>
          </cell>
        </row>
        <row r="93">
          <cell r="A93" t="str">
            <v>R665</v>
          </cell>
          <cell r="B93" t="str">
            <v>Devon</v>
          </cell>
          <cell r="C93" t="str">
            <v>R472</v>
          </cell>
          <cell r="D93" t="str">
            <v>Devon &amp; Cornwall Police</v>
          </cell>
          <cell r="E93" t="str">
            <v>R472</v>
          </cell>
          <cell r="F93" t="str">
            <v>R751</v>
          </cell>
          <cell r="G93" t="str">
            <v>Devon and Somerset Fire Authority</v>
          </cell>
          <cell r="H93" t="str">
            <v>R751</v>
          </cell>
        </row>
        <row r="94">
          <cell r="A94" t="str">
            <v>R666</v>
          </cell>
          <cell r="B94" t="str">
            <v>Essex</v>
          </cell>
          <cell r="C94" t="str">
            <v>R551</v>
          </cell>
          <cell r="D94" t="str">
            <v>Essex Police 2000</v>
          </cell>
          <cell r="E94" t="str">
            <v>R551</v>
          </cell>
          <cell r="F94" t="str">
            <v>R968</v>
          </cell>
          <cell r="G94" t="str">
            <v>Essex Fire Authority</v>
          </cell>
          <cell r="H94" t="str">
            <v>R968</v>
          </cell>
        </row>
        <row r="95">
          <cell r="A95" t="str">
            <v>R667</v>
          </cell>
          <cell r="B95" t="str">
            <v>Kent</v>
          </cell>
          <cell r="C95" t="str">
            <v>R925</v>
          </cell>
          <cell r="D95" t="str">
            <v>Kent Police</v>
          </cell>
          <cell r="E95" t="str">
            <v>R925</v>
          </cell>
          <cell r="F95" t="str">
            <v>R970</v>
          </cell>
          <cell r="G95" t="str">
            <v>Kent Fire Authority</v>
          </cell>
          <cell r="H95" t="str">
            <v>R970</v>
          </cell>
        </row>
        <row r="96">
          <cell r="A96" t="str">
            <v>R668</v>
          </cell>
          <cell r="B96" t="str">
            <v>Lancashire</v>
          </cell>
          <cell r="C96" t="str">
            <v>R926</v>
          </cell>
          <cell r="D96" t="str">
            <v>Lancashire Police</v>
          </cell>
          <cell r="E96" t="str">
            <v>R926</v>
          </cell>
          <cell r="F96" t="str">
            <v>R971</v>
          </cell>
          <cell r="G96" t="str">
            <v>Lancashire Fire Authority</v>
          </cell>
          <cell r="H96" t="str">
            <v>R971</v>
          </cell>
        </row>
        <row r="97">
          <cell r="A97" t="str">
            <v>R669</v>
          </cell>
          <cell r="B97" t="str">
            <v>Nottinghamshire</v>
          </cell>
          <cell r="C97" t="str">
            <v>R933</v>
          </cell>
          <cell r="D97" t="str">
            <v>Nottinghamshire Police</v>
          </cell>
          <cell r="E97" t="str">
            <v>R933</v>
          </cell>
          <cell r="F97" t="str">
            <v>R972</v>
          </cell>
          <cell r="G97" t="str">
            <v>Nottinghamshire Fire Authority</v>
          </cell>
          <cell r="H97" t="str">
            <v>R972</v>
          </cell>
        </row>
        <row r="98">
          <cell r="A98" t="str">
            <v>R671</v>
          </cell>
          <cell r="B98" t="str">
            <v>Worcestershire</v>
          </cell>
          <cell r="C98" t="str">
            <v>R477</v>
          </cell>
          <cell r="D98" t="str">
            <v>West Mercia Police</v>
          </cell>
          <cell r="E98" t="str">
            <v>R477</v>
          </cell>
          <cell r="F98" t="str">
            <v>R969</v>
          </cell>
          <cell r="G98" t="str">
            <v>Hereford and Worcester Fire Authority</v>
          </cell>
          <cell r="H98" t="str">
            <v>R969</v>
          </cell>
        </row>
        <row r="99">
          <cell r="A99" t="str">
            <v>R601</v>
          </cell>
          <cell r="B99" t="str">
            <v>Isle of Wight Council</v>
          </cell>
          <cell r="C99" t="str">
            <v>R473</v>
          </cell>
          <cell r="D99" t="str">
            <v>Hampshire Police</v>
          </cell>
          <cell r="E99" t="str">
            <v>R473</v>
          </cell>
        </row>
        <row r="100">
          <cell r="A100" t="str">
            <v>R602</v>
          </cell>
          <cell r="B100" t="str">
            <v>Bath &amp; North East Somerset</v>
          </cell>
          <cell r="C100" t="str">
            <v>R471</v>
          </cell>
          <cell r="D100" t="str">
            <v>Avon &amp; Somerset Police</v>
          </cell>
          <cell r="E100" t="str">
            <v>R471</v>
          </cell>
          <cell r="F100" t="str">
            <v>R950</v>
          </cell>
          <cell r="G100" t="str">
            <v>Avon Fire Authority</v>
          </cell>
          <cell r="H100" t="str">
            <v>R950</v>
          </cell>
        </row>
        <row r="101">
          <cell r="A101" t="str">
            <v>R603</v>
          </cell>
          <cell r="B101" t="str">
            <v>Bristol</v>
          </cell>
          <cell r="C101" t="str">
            <v>R471</v>
          </cell>
          <cell r="D101" t="str">
            <v>Avon &amp; Somerset Police</v>
          </cell>
          <cell r="E101" t="str">
            <v>R471</v>
          </cell>
          <cell r="F101" t="str">
            <v>R950</v>
          </cell>
          <cell r="G101" t="str">
            <v>Avon Fire Authority</v>
          </cell>
          <cell r="H101" t="str">
            <v>R950</v>
          </cell>
        </row>
        <row r="102">
          <cell r="A102" t="str">
            <v>R604</v>
          </cell>
          <cell r="B102" t="str">
            <v>South Gloucestershire</v>
          </cell>
          <cell r="C102" t="str">
            <v>R471</v>
          </cell>
          <cell r="D102" t="str">
            <v>Avon &amp; Somerset Police</v>
          </cell>
          <cell r="E102" t="str">
            <v>R471</v>
          </cell>
          <cell r="F102" t="str">
            <v>R950</v>
          </cell>
          <cell r="G102" t="str">
            <v>Avon Fire Authority</v>
          </cell>
          <cell r="H102" t="str">
            <v>R950</v>
          </cell>
        </row>
        <row r="103">
          <cell r="A103" t="str">
            <v>R605</v>
          </cell>
          <cell r="B103" t="str">
            <v>North Somerset</v>
          </cell>
          <cell r="C103" t="str">
            <v>R471</v>
          </cell>
          <cell r="D103" t="str">
            <v>Avon &amp; Somerset Police</v>
          </cell>
          <cell r="E103" t="str">
            <v>R471</v>
          </cell>
          <cell r="F103" t="str">
            <v>R950</v>
          </cell>
          <cell r="G103" t="str">
            <v>Avon Fire Authority</v>
          </cell>
          <cell r="H103" t="str">
            <v>R950</v>
          </cell>
        </row>
        <row r="104">
          <cell r="A104" t="str">
            <v>R606</v>
          </cell>
          <cell r="B104" t="str">
            <v>Hartlepool</v>
          </cell>
          <cell r="C104" t="str">
            <v>R910</v>
          </cell>
          <cell r="D104" t="str">
            <v>Cleveland Police</v>
          </cell>
          <cell r="E104" t="str">
            <v>R910</v>
          </cell>
          <cell r="F104" t="str">
            <v>R951</v>
          </cell>
          <cell r="G104" t="str">
            <v>Cleveland Fire Authority</v>
          </cell>
          <cell r="H104" t="str">
            <v>R951</v>
          </cell>
        </row>
        <row r="105">
          <cell r="A105" t="str">
            <v>R607</v>
          </cell>
          <cell r="B105" t="str">
            <v>Middlesbrough</v>
          </cell>
          <cell r="C105" t="str">
            <v>R910</v>
          </cell>
          <cell r="D105" t="str">
            <v>Cleveland Police</v>
          </cell>
          <cell r="E105" t="str">
            <v>R910</v>
          </cell>
          <cell r="F105" t="str">
            <v>R951</v>
          </cell>
          <cell r="G105" t="str">
            <v>Cleveland Fire Authority</v>
          </cell>
          <cell r="H105" t="str">
            <v>R951</v>
          </cell>
        </row>
        <row r="106">
          <cell r="A106" t="str">
            <v>R608</v>
          </cell>
          <cell r="B106" t="str">
            <v>Redcar and Cleveland</v>
          </cell>
          <cell r="C106" t="str">
            <v>R910</v>
          </cell>
          <cell r="D106" t="str">
            <v>Cleveland Police</v>
          </cell>
          <cell r="E106" t="str">
            <v>R910</v>
          </cell>
          <cell r="F106" t="str">
            <v>R951</v>
          </cell>
          <cell r="G106" t="str">
            <v>Cleveland Fire Authority</v>
          </cell>
          <cell r="H106" t="str">
            <v>R951</v>
          </cell>
        </row>
        <row r="107">
          <cell r="A107" t="str">
            <v>R609</v>
          </cell>
          <cell r="B107" t="str">
            <v>Stockton-on-Tees</v>
          </cell>
          <cell r="C107" t="str">
            <v>R910</v>
          </cell>
          <cell r="D107" t="str">
            <v>Cleveland Police</v>
          </cell>
          <cell r="E107" t="str">
            <v>R910</v>
          </cell>
          <cell r="F107" t="str">
            <v>R951</v>
          </cell>
          <cell r="G107" t="str">
            <v>Cleveland Fire Authority</v>
          </cell>
          <cell r="H107" t="str">
            <v>R951</v>
          </cell>
        </row>
        <row r="108">
          <cell r="A108" t="str">
            <v>R610</v>
          </cell>
          <cell r="B108" t="str">
            <v>East Riding of Yorkshire</v>
          </cell>
          <cell r="C108" t="str">
            <v>R923</v>
          </cell>
          <cell r="D108" t="str">
            <v>Humberside Police</v>
          </cell>
          <cell r="E108" t="str">
            <v>R923</v>
          </cell>
          <cell r="F108" t="str">
            <v>R952</v>
          </cell>
          <cell r="G108" t="str">
            <v>Humberside Fire Authority</v>
          </cell>
          <cell r="H108" t="str">
            <v>R952</v>
          </cell>
        </row>
        <row r="109">
          <cell r="A109" t="str">
            <v>R611</v>
          </cell>
          <cell r="B109" t="str">
            <v>Kingston upon Hull</v>
          </cell>
          <cell r="C109" t="str">
            <v>R923</v>
          </cell>
          <cell r="D109" t="str">
            <v>Humberside Police</v>
          </cell>
          <cell r="E109" t="str">
            <v>R923</v>
          </cell>
          <cell r="F109" t="str">
            <v>R952</v>
          </cell>
          <cell r="G109" t="str">
            <v>Humberside Fire Authority</v>
          </cell>
          <cell r="H109" t="str">
            <v>R952</v>
          </cell>
        </row>
        <row r="110">
          <cell r="A110" t="str">
            <v>R612</v>
          </cell>
          <cell r="B110" t="str">
            <v>North East Lincolnshire</v>
          </cell>
          <cell r="C110" t="str">
            <v>R923</v>
          </cell>
          <cell r="D110" t="str">
            <v>Humberside Police</v>
          </cell>
          <cell r="E110" t="str">
            <v>R923</v>
          </cell>
          <cell r="F110" t="str">
            <v>R952</v>
          </cell>
          <cell r="G110" t="str">
            <v>Humberside Fire Authority</v>
          </cell>
          <cell r="H110" t="str">
            <v>R952</v>
          </cell>
        </row>
        <row r="111">
          <cell r="A111" t="str">
            <v>R613</v>
          </cell>
          <cell r="B111" t="str">
            <v>North Lincolnshire</v>
          </cell>
          <cell r="C111" t="str">
            <v>R923</v>
          </cell>
          <cell r="D111" t="str">
            <v>Humberside Police</v>
          </cell>
          <cell r="E111" t="str">
            <v>R923</v>
          </cell>
          <cell r="F111" t="str">
            <v>R952</v>
          </cell>
          <cell r="G111" t="str">
            <v>Humberside Fire Authority</v>
          </cell>
          <cell r="H111" t="str">
            <v>R952</v>
          </cell>
        </row>
        <row r="112">
          <cell r="A112" t="str">
            <v>R617</v>
          </cell>
          <cell r="B112" t="str">
            <v>York</v>
          </cell>
          <cell r="C112" t="str">
            <v>R932</v>
          </cell>
          <cell r="D112" t="str">
            <v>North Yorkshire Police</v>
          </cell>
          <cell r="E112" t="str">
            <v>R932</v>
          </cell>
          <cell r="F112" t="str">
            <v>R953</v>
          </cell>
          <cell r="G112" t="str">
            <v>North Yorkshire Fire Authority</v>
          </cell>
          <cell r="H112" t="str">
            <v>R953</v>
          </cell>
        </row>
        <row r="113">
          <cell r="A113" t="str">
            <v>R619</v>
          </cell>
          <cell r="B113" t="str">
            <v>Luton</v>
          </cell>
          <cell r="C113" t="str">
            <v>R905</v>
          </cell>
          <cell r="D113" t="str">
            <v>Bedfordshire Police</v>
          </cell>
          <cell r="E113" t="str">
            <v>R905</v>
          </cell>
          <cell r="F113" t="str">
            <v>R954</v>
          </cell>
          <cell r="G113" t="str">
            <v>Bedfordshire Fire Authority</v>
          </cell>
          <cell r="H113" t="str">
            <v>R954</v>
          </cell>
        </row>
        <row r="114">
          <cell r="A114" t="str">
            <v>R620</v>
          </cell>
          <cell r="B114" t="str">
            <v>Milton Keynes</v>
          </cell>
          <cell r="C114" t="str">
            <v>R476</v>
          </cell>
          <cell r="D114" t="str">
            <v>Thames Valley Police</v>
          </cell>
          <cell r="E114" t="str">
            <v>R476</v>
          </cell>
          <cell r="F114" t="str">
            <v>R955</v>
          </cell>
          <cell r="G114" t="str">
            <v>Buckinghamshire Fire Authority</v>
          </cell>
          <cell r="H114" t="str">
            <v>R955</v>
          </cell>
        </row>
        <row r="115">
          <cell r="A115" t="str">
            <v>R621</v>
          </cell>
          <cell r="B115" t="str">
            <v>Derby</v>
          </cell>
          <cell r="C115" t="str">
            <v>R913</v>
          </cell>
          <cell r="D115" t="str">
            <v>Derbyshire Police</v>
          </cell>
          <cell r="E115" t="str">
            <v>R913</v>
          </cell>
          <cell r="F115" t="str">
            <v>R956</v>
          </cell>
          <cell r="G115" t="str">
            <v>Derbyshire Fire Authority</v>
          </cell>
          <cell r="H115" t="str">
            <v>R956</v>
          </cell>
        </row>
        <row r="116">
          <cell r="A116" t="str">
            <v>R622</v>
          </cell>
          <cell r="B116" t="str">
            <v>Bournemouth</v>
          </cell>
          <cell r="C116" t="str">
            <v>R915</v>
          </cell>
          <cell r="D116" t="str">
            <v>Dorset Police</v>
          </cell>
          <cell r="E116" t="str">
            <v>R915</v>
          </cell>
          <cell r="F116" t="str">
            <v>R957</v>
          </cell>
          <cell r="G116" t="str">
            <v>Dorset Fire Authority</v>
          </cell>
          <cell r="H116" t="str">
            <v>R957</v>
          </cell>
        </row>
        <row r="117">
          <cell r="A117" t="str">
            <v>R623</v>
          </cell>
          <cell r="B117" t="str">
            <v>Poole</v>
          </cell>
          <cell r="C117" t="str">
            <v>R915</v>
          </cell>
          <cell r="D117" t="str">
            <v>Dorset Police</v>
          </cell>
          <cell r="E117" t="str">
            <v>R915</v>
          </cell>
          <cell r="F117" t="str">
            <v>R957</v>
          </cell>
          <cell r="G117" t="str">
            <v>Dorset Fire Authority</v>
          </cell>
          <cell r="H117" t="str">
            <v>R957</v>
          </cell>
        </row>
        <row r="118">
          <cell r="A118" t="str">
            <v>R624</v>
          </cell>
          <cell r="B118" t="str">
            <v>Darlington</v>
          </cell>
          <cell r="C118" t="str">
            <v>R916</v>
          </cell>
          <cell r="D118" t="str">
            <v>Durham Police</v>
          </cell>
          <cell r="E118" t="str">
            <v>R916</v>
          </cell>
          <cell r="F118" t="str">
            <v>R958</v>
          </cell>
          <cell r="G118" t="str">
            <v>Durham Fire Authority</v>
          </cell>
          <cell r="H118" t="str">
            <v>R958</v>
          </cell>
        </row>
        <row r="119">
          <cell r="A119" t="str">
            <v>R625</v>
          </cell>
          <cell r="B119" t="str">
            <v>Brighton &amp; Hove</v>
          </cell>
          <cell r="C119" t="str">
            <v>R475</v>
          </cell>
          <cell r="D119" t="str">
            <v>Sussex Police</v>
          </cell>
          <cell r="E119" t="str">
            <v>R475</v>
          </cell>
          <cell r="F119" t="str">
            <v>R959</v>
          </cell>
          <cell r="G119" t="str">
            <v>East Sussex Fire Authority</v>
          </cell>
          <cell r="H119" t="str">
            <v>R959</v>
          </cell>
        </row>
        <row r="120">
          <cell r="A120" t="str">
            <v>R626</v>
          </cell>
          <cell r="B120" t="str">
            <v>Portsmouth</v>
          </cell>
          <cell r="C120" t="str">
            <v>R473</v>
          </cell>
          <cell r="D120" t="str">
            <v>Hampshire Police</v>
          </cell>
          <cell r="E120" t="str">
            <v>R473</v>
          </cell>
          <cell r="F120" t="str">
            <v>R960</v>
          </cell>
          <cell r="G120" t="str">
            <v>Hampshire Fire Authority</v>
          </cell>
          <cell r="H120" t="str">
            <v>R960</v>
          </cell>
        </row>
        <row r="121">
          <cell r="A121" t="str">
            <v>R627</v>
          </cell>
          <cell r="B121" t="str">
            <v>Southampton</v>
          </cell>
          <cell r="C121" t="str">
            <v>R473</v>
          </cell>
          <cell r="D121" t="str">
            <v>Hampshire Police</v>
          </cell>
          <cell r="E121" t="str">
            <v>R473</v>
          </cell>
          <cell r="F121" t="str">
            <v>R960</v>
          </cell>
          <cell r="G121" t="str">
            <v>Hampshire Fire Authority</v>
          </cell>
          <cell r="H121" t="str">
            <v>R960</v>
          </cell>
        </row>
        <row r="122">
          <cell r="A122" t="str">
            <v>R628</v>
          </cell>
          <cell r="B122" t="str">
            <v>Leicester</v>
          </cell>
          <cell r="C122" t="str">
            <v>R927</v>
          </cell>
          <cell r="D122" t="str">
            <v>Leicestershire Police</v>
          </cell>
          <cell r="E122" t="str">
            <v>R927</v>
          </cell>
          <cell r="F122" t="str">
            <v>R961</v>
          </cell>
          <cell r="G122" t="str">
            <v>Leicestershire Fire Authority</v>
          </cell>
          <cell r="H122" t="str">
            <v>R961</v>
          </cell>
        </row>
        <row r="123">
          <cell r="A123" t="str">
            <v>R629</v>
          </cell>
          <cell r="B123" t="str">
            <v>Rutland</v>
          </cell>
          <cell r="C123" t="str">
            <v>R927</v>
          </cell>
          <cell r="D123" t="str">
            <v>Leicestershire Police</v>
          </cell>
          <cell r="E123" t="str">
            <v>R927</v>
          </cell>
          <cell r="F123" t="str">
            <v>R961</v>
          </cell>
          <cell r="G123" t="str">
            <v>Leicestershire Fire Authority</v>
          </cell>
          <cell r="H123" t="str">
            <v>R961</v>
          </cell>
        </row>
        <row r="124">
          <cell r="A124" t="str">
            <v>R630</v>
          </cell>
          <cell r="B124" t="str">
            <v>Stoke-on-Trent</v>
          </cell>
          <cell r="C124" t="str">
            <v>R937</v>
          </cell>
          <cell r="D124" t="str">
            <v>Staffordshire Police</v>
          </cell>
          <cell r="E124" t="str">
            <v>R937</v>
          </cell>
          <cell r="F124" t="str">
            <v>R962</v>
          </cell>
          <cell r="G124" t="str">
            <v>Staffordshire Fire Authority</v>
          </cell>
          <cell r="H124" t="str">
            <v>R962</v>
          </cell>
        </row>
        <row r="125">
          <cell r="A125" t="str">
            <v>R631</v>
          </cell>
          <cell r="B125" t="str">
            <v>Swindon</v>
          </cell>
          <cell r="C125" t="str">
            <v>R942</v>
          </cell>
          <cell r="D125" t="str">
            <v>Wiltshire Police</v>
          </cell>
          <cell r="E125" t="str">
            <v>R942</v>
          </cell>
          <cell r="F125" t="str">
            <v>R963</v>
          </cell>
          <cell r="G125" t="str">
            <v>Wiltshire Fire Authority</v>
          </cell>
          <cell r="H125" t="str">
            <v>R963</v>
          </cell>
        </row>
        <row r="126">
          <cell r="A126" t="str">
            <v>R642</v>
          </cell>
          <cell r="B126" t="str">
            <v>Bracknell Forest</v>
          </cell>
          <cell r="C126" t="str">
            <v>R476</v>
          </cell>
          <cell r="D126" t="str">
            <v>Thames Valley Police</v>
          </cell>
          <cell r="E126" t="str">
            <v>R476</v>
          </cell>
          <cell r="F126" t="str">
            <v>R964</v>
          </cell>
          <cell r="G126" t="str">
            <v>Berkshire Fire Authority</v>
          </cell>
          <cell r="H126" t="str">
            <v>R964</v>
          </cell>
        </row>
        <row r="127">
          <cell r="A127" t="str">
            <v>R643</v>
          </cell>
          <cell r="B127" t="str">
            <v>West Berkshire</v>
          </cell>
          <cell r="C127" t="str">
            <v>R476</v>
          </cell>
          <cell r="D127" t="str">
            <v>Thames Valley Police</v>
          </cell>
          <cell r="E127" t="str">
            <v>R476</v>
          </cell>
          <cell r="F127" t="str">
            <v>R964</v>
          </cell>
          <cell r="G127" t="str">
            <v>Berkshire Fire Authority</v>
          </cell>
          <cell r="H127" t="str">
            <v>R964</v>
          </cell>
        </row>
        <row r="128">
          <cell r="A128" t="str">
            <v>R644</v>
          </cell>
          <cell r="B128" t="str">
            <v>Reading</v>
          </cell>
          <cell r="C128" t="str">
            <v>R476</v>
          </cell>
          <cell r="D128" t="str">
            <v>Thames Valley Police</v>
          </cell>
          <cell r="E128" t="str">
            <v>R476</v>
          </cell>
          <cell r="F128" t="str">
            <v>R964</v>
          </cell>
          <cell r="G128" t="str">
            <v>Berkshire Fire Authority</v>
          </cell>
          <cell r="H128" t="str">
            <v>R964</v>
          </cell>
        </row>
        <row r="129">
          <cell r="A129" t="str">
            <v>R645</v>
          </cell>
          <cell r="B129" t="str">
            <v>Slough</v>
          </cell>
          <cell r="C129" t="str">
            <v>R476</v>
          </cell>
          <cell r="D129" t="str">
            <v>Thames Valley Police</v>
          </cell>
          <cell r="E129" t="str">
            <v>R476</v>
          </cell>
          <cell r="F129" t="str">
            <v>R964</v>
          </cell>
          <cell r="G129" t="str">
            <v>Berkshire Fire Authority</v>
          </cell>
          <cell r="H129" t="str">
            <v>R964</v>
          </cell>
        </row>
        <row r="130">
          <cell r="A130" t="str">
            <v>R646</v>
          </cell>
          <cell r="B130" t="str">
            <v>Windsor and Maidenhead</v>
          </cell>
          <cell r="C130" t="str">
            <v>R476</v>
          </cell>
          <cell r="D130" t="str">
            <v>Thames Valley Police</v>
          </cell>
          <cell r="E130" t="str">
            <v>R476</v>
          </cell>
          <cell r="F130" t="str">
            <v>R964</v>
          </cell>
          <cell r="G130" t="str">
            <v>Berkshire Fire Authority</v>
          </cell>
          <cell r="H130" t="str">
            <v>R964</v>
          </cell>
        </row>
        <row r="131">
          <cell r="A131" t="str">
            <v>R647</v>
          </cell>
          <cell r="B131" t="str">
            <v>Wokingham</v>
          </cell>
          <cell r="C131" t="str">
            <v>R476</v>
          </cell>
          <cell r="D131" t="str">
            <v>Thames Valley Police</v>
          </cell>
          <cell r="E131" t="str">
            <v>R476</v>
          </cell>
          <cell r="F131" t="str">
            <v>R964</v>
          </cell>
          <cell r="G131" t="str">
            <v>Berkshire Fire Authority</v>
          </cell>
          <cell r="H131" t="str">
            <v>R964</v>
          </cell>
        </row>
        <row r="132">
          <cell r="A132" t="str">
            <v>R649</v>
          </cell>
          <cell r="B132" t="str">
            <v>Peterborough</v>
          </cell>
          <cell r="C132" t="str">
            <v>R908</v>
          </cell>
          <cell r="D132" t="str">
            <v>Cambridgeshire Police</v>
          </cell>
          <cell r="E132" t="str">
            <v>R908</v>
          </cell>
          <cell r="F132" t="str">
            <v>R965</v>
          </cell>
          <cell r="G132" t="str">
            <v>Cambridgeshire Fire Authority</v>
          </cell>
          <cell r="H132" t="str">
            <v>R965</v>
          </cell>
        </row>
        <row r="133">
          <cell r="A133" t="str">
            <v>R650</v>
          </cell>
          <cell r="B133" t="str">
            <v>Halton</v>
          </cell>
          <cell r="C133" t="str">
            <v>R909</v>
          </cell>
          <cell r="D133" t="str">
            <v>Cheshire Police</v>
          </cell>
          <cell r="E133" t="str">
            <v>R909</v>
          </cell>
          <cell r="F133" t="str">
            <v>R966</v>
          </cell>
          <cell r="G133" t="str">
            <v>Cheshire Fire Authority</v>
          </cell>
          <cell r="H133" t="str">
            <v>R966</v>
          </cell>
        </row>
        <row r="134">
          <cell r="A134" t="str">
            <v>R651</v>
          </cell>
          <cell r="B134" t="str">
            <v>Warrington</v>
          </cell>
          <cell r="C134" t="str">
            <v>R909</v>
          </cell>
          <cell r="D134" t="str">
            <v>Cheshire Police</v>
          </cell>
          <cell r="E134" t="str">
            <v>R909</v>
          </cell>
          <cell r="F134" t="str">
            <v>R966</v>
          </cell>
          <cell r="G134" t="str">
            <v>Cheshire Fire Authority</v>
          </cell>
          <cell r="H134" t="str">
            <v>R966</v>
          </cell>
        </row>
        <row r="135">
          <cell r="A135" t="str">
            <v>R652</v>
          </cell>
          <cell r="B135" t="str">
            <v>Plymouth</v>
          </cell>
          <cell r="C135" t="str">
            <v>R472</v>
          </cell>
          <cell r="D135" t="str">
            <v>Devon &amp; Cornwall Police</v>
          </cell>
          <cell r="E135" t="str">
            <v>R472</v>
          </cell>
          <cell r="F135" t="str">
            <v>R751</v>
          </cell>
          <cell r="G135" t="str">
            <v>Devon and Somerset Fire Authority</v>
          </cell>
          <cell r="H135" t="str">
            <v>R751</v>
          </cell>
        </row>
        <row r="136">
          <cell r="A136" t="str">
            <v>R653</v>
          </cell>
          <cell r="B136" t="str">
            <v>Torbay</v>
          </cell>
          <cell r="C136" t="str">
            <v>R472</v>
          </cell>
          <cell r="D136" t="str">
            <v>Devon &amp; Cornwall Police</v>
          </cell>
          <cell r="E136" t="str">
            <v>R472</v>
          </cell>
          <cell r="F136" t="str">
            <v>R751</v>
          </cell>
          <cell r="G136" t="str">
            <v>Devon and Somerset Fire Authority</v>
          </cell>
          <cell r="H136" t="str">
            <v>R751</v>
          </cell>
        </row>
        <row r="137">
          <cell r="A137" t="str">
            <v>R654</v>
          </cell>
          <cell r="B137" t="str">
            <v>Southend-on-Sea</v>
          </cell>
          <cell r="C137" t="str">
            <v>R551</v>
          </cell>
          <cell r="D137" t="str">
            <v>Essex Police 2000</v>
          </cell>
          <cell r="E137" t="str">
            <v>R551</v>
          </cell>
          <cell r="F137" t="str">
            <v>R968</v>
          </cell>
          <cell r="G137" t="str">
            <v>Essex Fire Authority</v>
          </cell>
          <cell r="H137" t="str">
            <v>R968</v>
          </cell>
        </row>
        <row r="138">
          <cell r="A138" t="str">
            <v>R655</v>
          </cell>
          <cell r="B138" t="str">
            <v>Thurrock</v>
          </cell>
          <cell r="C138" t="str">
            <v>R551</v>
          </cell>
          <cell r="D138" t="str">
            <v>Essex Police 2000</v>
          </cell>
          <cell r="E138" t="str">
            <v>R551</v>
          </cell>
          <cell r="F138" t="str">
            <v>R968</v>
          </cell>
          <cell r="G138" t="str">
            <v>Essex Fire Authority</v>
          </cell>
          <cell r="H138" t="str">
            <v>R968</v>
          </cell>
        </row>
        <row r="139">
          <cell r="A139" t="str">
            <v>R656</v>
          </cell>
          <cell r="B139" t="str">
            <v>Herefordshire</v>
          </cell>
          <cell r="C139" t="str">
            <v>R477</v>
          </cell>
          <cell r="D139" t="str">
            <v>West Mercia Police</v>
          </cell>
          <cell r="E139" t="str">
            <v>R477</v>
          </cell>
          <cell r="F139" t="str">
            <v>R969</v>
          </cell>
          <cell r="G139" t="str">
            <v>Hereford and Worcester Fire Authority</v>
          </cell>
          <cell r="H139" t="str">
            <v>R969</v>
          </cell>
        </row>
        <row r="140">
          <cell r="A140" t="str">
            <v>R658</v>
          </cell>
          <cell r="B140" t="str">
            <v>Medway</v>
          </cell>
          <cell r="C140" t="str">
            <v>R925</v>
          </cell>
          <cell r="D140" t="str">
            <v>Kent Police</v>
          </cell>
          <cell r="E140" t="str">
            <v>R925</v>
          </cell>
          <cell r="F140" t="str">
            <v>R970</v>
          </cell>
          <cell r="G140" t="str">
            <v>Kent Fire Authority</v>
          </cell>
          <cell r="H140" t="str">
            <v>R970</v>
          </cell>
        </row>
        <row r="141">
          <cell r="A141" t="str">
            <v>R659</v>
          </cell>
          <cell r="B141" t="str">
            <v>Blackburn with Darwen</v>
          </cell>
          <cell r="C141" t="str">
            <v>R926</v>
          </cell>
          <cell r="D141" t="str">
            <v>Lancashire Police</v>
          </cell>
          <cell r="E141" t="str">
            <v>R926</v>
          </cell>
          <cell r="F141" t="str">
            <v>R971</v>
          </cell>
          <cell r="G141" t="str">
            <v>Lancashire Fire Authority</v>
          </cell>
          <cell r="H141" t="str">
            <v>R971</v>
          </cell>
        </row>
        <row r="142">
          <cell r="A142" t="str">
            <v>R660</v>
          </cell>
          <cell r="B142" t="str">
            <v>Blackpool</v>
          </cell>
          <cell r="C142" t="str">
            <v>R926</v>
          </cell>
          <cell r="D142" t="str">
            <v>Lancashire Police</v>
          </cell>
          <cell r="E142" t="str">
            <v>R926</v>
          </cell>
          <cell r="F142" t="str">
            <v>R971</v>
          </cell>
          <cell r="G142" t="str">
            <v>Lancashire Fire Authority</v>
          </cell>
          <cell r="H142" t="str">
            <v>R971</v>
          </cell>
        </row>
        <row r="143">
          <cell r="A143" t="str">
            <v>R661</v>
          </cell>
          <cell r="B143" t="str">
            <v>Nottingham</v>
          </cell>
          <cell r="C143" t="str">
            <v>R933</v>
          </cell>
          <cell r="D143" t="str">
            <v>Nottinghamshire Police</v>
          </cell>
          <cell r="E143" t="str">
            <v>R933</v>
          </cell>
          <cell r="F143" t="str">
            <v>R972</v>
          </cell>
          <cell r="G143" t="str">
            <v>Nottinghamshire Fire Authority</v>
          </cell>
          <cell r="H143" t="str">
            <v>R972</v>
          </cell>
        </row>
        <row r="144">
          <cell r="A144" t="str">
            <v>R662</v>
          </cell>
          <cell r="B144" t="str">
            <v>Telford and the Wrekin</v>
          </cell>
          <cell r="C144" t="str">
            <v>R477</v>
          </cell>
          <cell r="D144" t="str">
            <v>West Mercia Police</v>
          </cell>
          <cell r="E144" t="str">
            <v>R477</v>
          </cell>
          <cell r="F144" t="str">
            <v>R973</v>
          </cell>
          <cell r="G144" t="str">
            <v>Shropshire Fire Authority</v>
          </cell>
          <cell r="H144" t="str">
            <v>R973</v>
          </cell>
        </row>
        <row r="145">
          <cell r="A145" t="str">
            <v>R672</v>
          </cell>
          <cell r="B145" t="str">
            <v>Cornwall</v>
          </cell>
          <cell r="C145" t="str">
            <v>R472</v>
          </cell>
          <cell r="D145" t="str">
            <v>Devon &amp; Cornwall Police</v>
          </cell>
          <cell r="E145" t="str">
            <v>R472</v>
          </cell>
        </row>
        <row r="146">
          <cell r="A146" t="str">
            <v>R673</v>
          </cell>
          <cell r="B146" t="str">
            <v>Durham</v>
          </cell>
          <cell r="C146" t="str">
            <v>R916</v>
          </cell>
          <cell r="D146" t="str">
            <v>Durham Police</v>
          </cell>
          <cell r="E146" t="str">
            <v>R916</v>
          </cell>
          <cell r="F146" t="str">
            <v>R958</v>
          </cell>
          <cell r="G146" t="str">
            <v>Durham Fire Authority</v>
          </cell>
          <cell r="H146" t="str">
            <v>R958</v>
          </cell>
        </row>
        <row r="147">
          <cell r="A147" t="str">
            <v>R674</v>
          </cell>
          <cell r="B147" t="str">
            <v>Northumberland</v>
          </cell>
          <cell r="C147" t="str">
            <v>R314</v>
          </cell>
          <cell r="D147" t="str">
            <v>Northumbria Police</v>
          </cell>
          <cell r="E147" t="str">
            <v>R314</v>
          </cell>
        </row>
        <row r="148">
          <cell r="A148" t="str">
            <v>R675</v>
          </cell>
          <cell r="B148" t="str">
            <v>Shropshire</v>
          </cell>
          <cell r="C148" t="str">
            <v>R477</v>
          </cell>
          <cell r="D148" t="str">
            <v>West Mercia Police</v>
          </cell>
          <cell r="E148" t="str">
            <v>R477</v>
          </cell>
          <cell r="F148" t="str">
            <v>R973</v>
          </cell>
          <cell r="G148" t="str">
            <v>Shropshire Fire Authority</v>
          </cell>
          <cell r="H148" t="str">
            <v>R973</v>
          </cell>
        </row>
        <row r="149">
          <cell r="A149" t="str">
            <v>R676</v>
          </cell>
          <cell r="B149" t="str">
            <v>Wiltshire</v>
          </cell>
          <cell r="C149" t="str">
            <v>R942</v>
          </cell>
          <cell r="D149" t="str">
            <v>Wiltshire Police</v>
          </cell>
          <cell r="E149" t="str">
            <v>R942</v>
          </cell>
          <cell r="F149" t="str">
            <v>R963</v>
          </cell>
          <cell r="G149" t="str">
            <v>Wiltshire Fire Authority</v>
          </cell>
          <cell r="H149" t="str">
            <v>R963</v>
          </cell>
        </row>
        <row r="150">
          <cell r="A150" t="str">
            <v>R677</v>
          </cell>
          <cell r="B150" t="str">
            <v>Cheshire East</v>
          </cell>
          <cell r="C150" t="str">
            <v>R909</v>
          </cell>
          <cell r="D150" t="str">
            <v>Cheshire Police</v>
          </cell>
          <cell r="E150" t="str">
            <v>R909</v>
          </cell>
          <cell r="F150" t="str">
            <v>R966</v>
          </cell>
          <cell r="G150" t="str">
            <v>Cheshire Fire Authority</v>
          </cell>
          <cell r="H150" t="str">
            <v>R966</v>
          </cell>
        </row>
        <row r="151">
          <cell r="A151" t="str">
            <v>R678</v>
          </cell>
          <cell r="B151" t="str">
            <v>Cheshire West and Chester</v>
          </cell>
          <cell r="C151" t="str">
            <v>R909</v>
          </cell>
          <cell r="D151" t="str">
            <v>Cheshire Police</v>
          </cell>
          <cell r="E151" t="str">
            <v>R909</v>
          </cell>
          <cell r="F151" t="str">
            <v>R966</v>
          </cell>
          <cell r="G151" t="str">
            <v>Cheshire Fire Authority</v>
          </cell>
          <cell r="H151" t="str">
            <v>R966</v>
          </cell>
        </row>
        <row r="152">
          <cell r="A152" t="str">
            <v>R679</v>
          </cell>
          <cell r="B152" t="str">
            <v>Bedford</v>
          </cell>
          <cell r="C152" t="str">
            <v>R905</v>
          </cell>
          <cell r="D152" t="str">
            <v>Bedfordshire Police</v>
          </cell>
          <cell r="E152" t="str">
            <v>R905</v>
          </cell>
          <cell r="F152" t="str">
            <v>R954</v>
          </cell>
          <cell r="G152" t="str">
            <v>Bedfordshire Fire Authority</v>
          </cell>
          <cell r="H152" t="str">
            <v>R954</v>
          </cell>
        </row>
        <row r="153">
          <cell r="A153" t="str">
            <v>R680</v>
          </cell>
          <cell r="B153" t="str">
            <v>Central Bedfordshire</v>
          </cell>
          <cell r="C153" t="str">
            <v>R905</v>
          </cell>
          <cell r="D153" t="str">
            <v>Bedfordshire Police</v>
          </cell>
          <cell r="E153" t="str">
            <v>R905</v>
          </cell>
          <cell r="F153" t="str">
            <v>R954</v>
          </cell>
          <cell r="G153" t="str">
            <v>Bedfordshire Fire Authority</v>
          </cell>
          <cell r="H153" t="str">
            <v>R954</v>
          </cell>
        </row>
        <row r="154">
          <cell r="A154" t="str">
            <v>R403</v>
          </cell>
          <cell r="B154" t="str">
            <v>Isles of Scilly</v>
          </cell>
          <cell r="C154" t="str">
            <v>R472</v>
          </cell>
          <cell r="D154" t="str">
            <v>Devon &amp; Cornwall Police</v>
          </cell>
          <cell r="E154" t="str">
            <v>R472</v>
          </cell>
        </row>
      </sheetData>
      <sheetData sheetId="3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W (59)"/>
      <sheetName val="Capital Project High"/>
      <sheetName val="Capital Proj Env"/>
      <sheetName val="March TfL Alloc Report"/>
      <sheetName val="Action List"/>
      <sheetName val="Add-Del"/>
      <sheetName val="Hid Raw Data"/>
      <sheetName val="Hid Pivot Raw Data"/>
      <sheetName val="Hid Pivot Fees"/>
      <sheetName val="Env Raw Data"/>
      <sheetName val="Env Pivot Raw Data"/>
      <sheetName val="Env Pivot Fees"/>
      <sheetName val="Codes Structure"/>
      <sheetName val="Miscoded"/>
      <sheetName val="Appendix A - S10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uidance Notes"/>
      <sheetName val="Projects for Review"/>
      <sheetName val="GGD NOT ON ASSET LIST"/>
      <sheetName val="GGD 31-3-08"/>
      <sheetName val="CJI3 Pivot 8 May 09"/>
      <sheetName val="Drop Down"/>
    </sheetNames>
    <sheetDataSet>
      <sheetData sheetId="0">
        <row r="4">
          <cell r="A4" t="str">
            <v>WBS Element</v>
          </cell>
        </row>
      </sheetData>
      <sheetData sheetId="1"/>
      <sheetData sheetId="2"/>
      <sheetData sheetId="3">
        <row r="4">
          <cell r="A4" t="str">
            <v>WBS Element</v>
          </cell>
        </row>
      </sheetData>
      <sheetData sheetId="4">
        <row r="4">
          <cell r="A4" t="str">
            <v>WBS Element</v>
          </cell>
          <cell r="B4" t="str">
            <v>2005</v>
          </cell>
          <cell r="C4" t="str">
            <v>2006</v>
          </cell>
          <cell r="D4" t="str">
            <v>2007</v>
          </cell>
          <cell r="E4" t="str">
            <v>2008</v>
          </cell>
          <cell r="F4" t="str">
            <v>Grand Total</v>
          </cell>
        </row>
        <row r="5">
          <cell r="A5" t="str">
            <v>ADT/00002.01.01</v>
          </cell>
          <cell r="B5">
            <v>78400</v>
          </cell>
          <cell r="F5">
            <v>78400</v>
          </cell>
        </row>
        <row r="6">
          <cell r="A6" t="str">
            <v>ADT/00004.01.01</v>
          </cell>
          <cell r="B6">
            <v>2000000</v>
          </cell>
          <cell r="F6">
            <v>2000000</v>
          </cell>
        </row>
        <row r="7">
          <cell r="A7" t="str">
            <v>ADT/00004.02.01</v>
          </cell>
          <cell r="B7">
            <v>450039</v>
          </cell>
          <cell r="F7">
            <v>450039</v>
          </cell>
        </row>
        <row r="8">
          <cell r="A8" t="str">
            <v>ADT/00005.01.01</v>
          </cell>
          <cell r="D8">
            <v>16054.76</v>
          </cell>
          <cell r="F8">
            <v>16054.76</v>
          </cell>
        </row>
        <row r="9">
          <cell r="A9" t="str">
            <v>ADT/00005.02.01</v>
          </cell>
          <cell r="D9">
            <v>4291.5</v>
          </cell>
          <cell r="F9">
            <v>4291.5</v>
          </cell>
        </row>
        <row r="10">
          <cell r="A10" t="str">
            <v>ADT/00005.03.01</v>
          </cell>
          <cell r="D10">
            <v>5446.3</v>
          </cell>
          <cell r="F10">
            <v>5446.3</v>
          </cell>
        </row>
        <row r="11">
          <cell r="A11" t="str">
            <v>ADT/00005.05.01</v>
          </cell>
          <cell r="D11">
            <v>24886</v>
          </cell>
          <cell r="F11">
            <v>24886</v>
          </cell>
        </row>
        <row r="12">
          <cell r="A12" t="str">
            <v>ADT/00005.06.01</v>
          </cell>
          <cell r="D12">
            <v>24500</v>
          </cell>
          <cell r="F12">
            <v>24500</v>
          </cell>
        </row>
        <row r="13">
          <cell r="A13" t="str">
            <v>ADT/00005.07.01</v>
          </cell>
          <cell r="E13">
            <v>24700</v>
          </cell>
          <cell r="F13">
            <v>24700</v>
          </cell>
        </row>
        <row r="14">
          <cell r="A14" t="str">
            <v>ADT/00005.08.01</v>
          </cell>
          <cell r="D14">
            <v>13000</v>
          </cell>
          <cell r="F14">
            <v>13000</v>
          </cell>
        </row>
        <row r="15">
          <cell r="A15" t="str">
            <v>ADT/00005.09.01</v>
          </cell>
          <cell r="D15">
            <v>7141.66</v>
          </cell>
          <cell r="F15">
            <v>7141.66</v>
          </cell>
        </row>
        <row r="16">
          <cell r="A16" t="str">
            <v>ADT/00005.10.01</v>
          </cell>
          <cell r="D16">
            <v>9568.5</v>
          </cell>
          <cell r="F16">
            <v>9568.5</v>
          </cell>
        </row>
        <row r="17">
          <cell r="A17" t="str">
            <v>ADT/00005.11.01</v>
          </cell>
          <cell r="D17">
            <v>17595</v>
          </cell>
          <cell r="F17">
            <v>17595</v>
          </cell>
        </row>
        <row r="18">
          <cell r="A18" t="str">
            <v>ADT/00005.12.01</v>
          </cell>
          <cell r="D18">
            <v>6602.52</v>
          </cell>
          <cell r="F18">
            <v>6602.52</v>
          </cell>
        </row>
        <row r="19">
          <cell r="A19" t="str">
            <v>ADT/00005.13.01</v>
          </cell>
          <cell r="D19">
            <v>21862</v>
          </cell>
          <cell r="F19">
            <v>21862</v>
          </cell>
        </row>
        <row r="20">
          <cell r="A20" t="str">
            <v>ADT/00005.14.01</v>
          </cell>
          <cell r="D20">
            <v>21000</v>
          </cell>
          <cell r="E20">
            <v>4000</v>
          </cell>
          <cell r="F20">
            <v>25000</v>
          </cell>
        </row>
        <row r="21">
          <cell r="A21" t="str">
            <v>ADT/00005.15.01</v>
          </cell>
          <cell r="D21">
            <v>25000</v>
          </cell>
          <cell r="F21">
            <v>25000</v>
          </cell>
        </row>
        <row r="22">
          <cell r="A22" t="str">
            <v>ADT/00005.17.01</v>
          </cell>
          <cell r="D22">
            <v>25000</v>
          </cell>
          <cell r="F22">
            <v>25000</v>
          </cell>
        </row>
        <row r="23">
          <cell r="A23" t="str">
            <v>ADT/00005.18.01</v>
          </cell>
          <cell r="D23">
            <v>23740.9</v>
          </cell>
          <cell r="F23">
            <v>23740.9</v>
          </cell>
        </row>
        <row r="24">
          <cell r="A24" t="str">
            <v>ADT/00005.19.01</v>
          </cell>
          <cell r="D24">
            <v>17999</v>
          </cell>
          <cell r="F24">
            <v>17999</v>
          </cell>
        </row>
        <row r="25">
          <cell r="A25" t="str">
            <v>ADT/00005.20.01</v>
          </cell>
          <cell r="D25">
            <v>8600</v>
          </cell>
          <cell r="F25">
            <v>8600</v>
          </cell>
        </row>
        <row r="26">
          <cell r="A26" t="str">
            <v>ADT/00005.21.01</v>
          </cell>
          <cell r="D26">
            <v>14693.96</v>
          </cell>
          <cell r="F26">
            <v>14693.96</v>
          </cell>
        </row>
        <row r="27">
          <cell r="A27" t="str">
            <v>ADT/00005.22.01</v>
          </cell>
          <cell r="D27">
            <v>5000</v>
          </cell>
          <cell r="F27">
            <v>5000</v>
          </cell>
        </row>
        <row r="28">
          <cell r="A28" t="str">
            <v>BSO/00001.01.01</v>
          </cell>
          <cell r="B28">
            <v>53488.36</v>
          </cell>
          <cell r="C28">
            <v>95326.06</v>
          </cell>
          <cell r="F28">
            <v>148814.42000000001</v>
          </cell>
        </row>
        <row r="29">
          <cell r="A29" t="str">
            <v>BSO/00002.01.01</v>
          </cell>
          <cell r="B29">
            <v>26626.38</v>
          </cell>
          <cell r="F29">
            <v>26626.38</v>
          </cell>
        </row>
        <row r="30">
          <cell r="A30" t="str">
            <v>BSO/00003.01.01</v>
          </cell>
          <cell r="B30">
            <v>106931.63</v>
          </cell>
          <cell r="C30">
            <v>6030</v>
          </cell>
          <cell r="D30">
            <v>1125</v>
          </cell>
          <cell r="F30">
            <v>114086.63</v>
          </cell>
        </row>
        <row r="31">
          <cell r="A31" t="str">
            <v>BSO/00004.01.01</v>
          </cell>
          <cell r="C31">
            <v>3900</v>
          </cell>
          <cell r="D31">
            <v>66020.320000000007</v>
          </cell>
          <cell r="E31">
            <v>676.71</v>
          </cell>
          <cell r="F31">
            <v>70597.03</v>
          </cell>
        </row>
        <row r="32">
          <cell r="A32" t="str">
            <v>BTR/00001.01.01</v>
          </cell>
          <cell r="B32">
            <v>628852.76</v>
          </cell>
          <cell r="C32">
            <v>1017985.25</v>
          </cell>
          <cell r="D32">
            <v>-8240.1000000000058</v>
          </cell>
          <cell r="F32">
            <v>1638597.91</v>
          </cell>
        </row>
        <row r="33">
          <cell r="A33" t="str">
            <v>BTR/00002.01.01</v>
          </cell>
          <cell r="B33">
            <v>959918.06</v>
          </cell>
          <cell r="C33">
            <v>1143717</v>
          </cell>
          <cell r="D33">
            <v>1196746.05</v>
          </cell>
          <cell r="F33">
            <v>3300381.11</v>
          </cell>
        </row>
        <row r="34">
          <cell r="A34" t="str">
            <v>BTR/00003.01.01</v>
          </cell>
          <cell r="B34">
            <v>36062.03</v>
          </cell>
          <cell r="F34">
            <v>36062.03</v>
          </cell>
        </row>
        <row r="35">
          <cell r="A35" t="str">
            <v>BTR/00003.02.01</v>
          </cell>
          <cell r="B35">
            <v>400</v>
          </cell>
          <cell r="F35">
            <v>400</v>
          </cell>
        </row>
        <row r="36">
          <cell r="A36" t="str">
            <v>BTR/00003.03.01</v>
          </cell>
          <cell r="B36">
            <v>30732.48</v>
          </cell>
          <cell r="F36">
            <v>30732.48</v>
          </cell>
        </row>
        <row r="37">
          <cell r="A37" t="str">
            <v>BTR/00003.04.01</v>
          </cell>
          <cell r="B37">
            <v>45025.41</v>
          </cell>
          <cell r="C37">
            <v>0</v>
          </cell>
          <cell r="F37">
            <v>45025.41</v>
          </cell>
        </row>
        <row r="38">
          <cell r="A38" t="str">
            <v>BTR/00003.05.01</v>
          </cell>
          <cell r="B38">
            <v>86035.26</v>
          </cell>
          <cell r="F38">
            <v>86035.26</v>
          </cell>
        </row>
        <row r="39">
          <cell r="A39" t="str">
            <v>BTR/00003.06.01</v>
          </cell>
          <cell r="B39">
            <v>68783.490000000005</v>
          </cell>
          <cell r="C39">
            <v>2.6147972675971687E-12</v>
          </cell>
          <cell r="F39">
            <v>68783.490000000005</v>
          </cell>
        </row>
        <row r="40">
          <cell r="A40" t="str">
            <v>BTR/00003.08.01</v>
          </cell>
          <cell r="B40">
            <v>28495.4</v>
          </cell>
          <cell r="F40">
            <v>28495.4</v>
          </cell>
        </row>
        <row r="41">
          <cell r="A41" t="str">
            <v>BTR/00003.09.01</v>
          </cell>
          <cell r="B41">
            <v>74708.73</v>
          </cell>
          <cell r="C41">
            <v>-1.5916157281026244E-12</v>
          </cell>
          <cell r="F41">
            <v>74708.73</v>
          </cell>
        </row>
        <row r="42">
          <cell r="A42" t="str">
            <v>BTR/00003.10.01</v>
          </cell>
          <cell r="B42">
            <v>88000</v>
          </cell>
          <cell r="C42">
            <v>0</v>
          </cell>
          <cell r="F42">
            <v>88000</v>
          </cell>
        </row>
        <row r="43">
          <cell r="A43" t="str">
            <v>BTR/00003.11.01</v>
          </cell>
          <cell r="B43">
            <v>45399</v>
          </cell>
          <cell r="C43">
            <v>0</v>
          </cell>
          <cell r="F43">
            <v>45399</v>
          </cell>
        </row>
        <row r="44">
          <cell r="A44" t="str">
            <v>BTR/00003.12.01</v>
          </cell>
          <cell r="B44">
            <v>34658.949999999997</v>
          </cell>
          <cell r="C44">
            <v>-9.0949470177292824E-13</v>
          </cell>
          <cell r="F44">
            <v>34658.949999999997</v>
          </cell>
        </row>
        <row r="45">
          <cell r="A45" t="str">
            <v>CAF/00001.01.01</v>
          </cell>
          <cell r="B45">
            <v>48558.25</v>
          </cell>
          <cell r="C45">
            <v>66359.87</v>
          </cell>
          <cell r="D45">
            <v>41000</v>
          </cell>
          <cell r="E45">
            <v>0</v>
          </cell>
          <cell r="F45">
            <v>155918.12</v>
          </cell>
        </row>
        <row r="46">
          <cell r="A46" t="str">
            <v>CAF/00002.01.01</v>
          </cell>
          <cell r="B46">
            <v>25564.880000000001</v>
          </cell>
          <cell r="C46">
            <v>46828.84</v>
          </cell>
          <cell r="D46">
            <v>-3.4106051316484809E-13</v>
          </cell>
          <cell r="E46">
            <v>5250</v>
          </cell>
          <cell r="F46">
            <v>77643.72</v>
          </cell>
        </row>
        <row r="47">
          <cell r="A47" t="str">
            <v>CAF/00002.02.01</v>
          </cell>
          <cell r="D47">
            <v>71853.05</v>
          </cell>
          <cell r="E47">
            <v>424432.11</v>
          </cell>
          <cell r="F47">
            <v>496285.16</v>
          </cell>
        </row>
        <row r="48">
          <cell r="A48" t="str">
            <v>CAF/00003.01.01</v>
          </cell>
          <cell r="B48">
            <v>25563.93</v>
          </cell>
          <cell r="D48">
            <v>9679.0400000000009</v>
          </cell>
          <cell r="F48">
            <v>35242.97</v>
          </cell>
        </row>
        <row r="49">
          <cell r="A49" t="str">
            <v>CAF/00003.02.01</v>
          </cell>
          <cell r="C49">
            <v>7411.58</v>
          </cell>
          <cell r="D49">
            <v>272320.96000000002</v>
          </cell>
          <cell r="E49">
            <v>3.4106051316484809E-13</v>
          </cell>
          <cell r="F49">
            <v>279732.53999999998</v>
          </cell>
        </row>
        <row r="50">
          <cell r="A50" t="str">
            <v>COR/00001.01.01</v>
          </cell>
          <cell r="B50">
            <v>18013</v>
          </cell>
          <cell r="C50">
            <v>263571.69</v>
          </cell>
          <cell r="F50">
            <v>281584.69</v>
          </cell>
        </row>
        <row r="51">
          <cell r="A51" t="str">
            <v>COR/00002.03.01</v>
          </cell>
          <cell r="B51">
            <v>788220</v>
          </cell>
          <cell r="C51">
            <v>14000</v>
          </cell>
          <cell r="D51">
            <v>768500</v>
          </cell>
          <cell r="F51">
            <v>1570720</v>
          </cell>
        </row>
        <row r="52">
          <cell r="A52" t="str">
            <v>COR/00002.04.01</v>
          </cell>
          <cell r="B52">
            <v>2213.89</v>
          </cell>
          <cell r="F52">
            <v>2213.89</v>
          </cell>
        </row>
        <row r="53">
          <cell r="A53" t="str">
            <v>COR/00002.06.01</v>
          </cell>
          <cell r="C53">
            <v>7095</v>
          </cell>
          <cell r="D53">
            <v>5576</v>
          </cell>
          <cell r="E53">
            <v>6828.9</v>
          </cell>
          <cell r="F53">
            <v>19499.900000000001</v>
          </cell>
        </row>
        <row r="54">
          <cell r="A54" t="str">
            <v>COR/00002.07.01</v>
          </cell>
          <cell r="E54">
            <v>22156.69</v>
          </cell>
          <cell r="F54">
            <v>22156.69</v>
          </cell>
        </row>
        <row r="55">
          <cell r="A55" t="str">
            <v>COR/00003.01.01</v>
          </cell>
          <cell r="B55">
            <v>489</v>
          </cell>
          <cell r="C55">
            <v>1789.93</v>
          </cell>
          <cell r="F55">
            <v>2278.9299999999998</v>
          </cell>
        </row>
        <row r="56">
          <cell r="A56" t="str">
            <v>COR/00003.02.01</v>
          </cell>
          <cell r="B56">
            <v>1067.3499999999999</v>
          </cell>
          <cell r="C56">
            <v>1789.93</v>
          </cell>
          <cell r="F56">
            <v>2857.28</v>
          </cell>
        </row>
        <row r="57">
          <cell r="A57" t="str">
            <v>COR/00003.03.01</v>
          </cell>
          <cell r="B57">
            <v>1244.99</v>
          </cell>
          <cell r="C57">
            <v>1789.93</v>
          </cell>
          <cell r="F57">
            <v>3034.92</v>
          </cell>
        </row>
        <row r="58">
          <cell r="A58" t="str">
            <v>COR/00003.04.01</v>
          </cell>
          <cell r="C58">
            <v>2858.93</v>
          </cell>
          <cell r="F58">
            <v>2858.93</v>
          </cell>
        </row>
        <row r="59">
          <cell r="A59" t="str">
            <v>COR/00003.05.01</v>
          </cell>
          <cell r="C59">
            <v>2338.94</v>
          </cell>
          <cell r="F59">
            <v>2338.94</v>
          </cell>
        </row>
        <row r="60">
          <cell r="A60" t="str">
            <v>COR/00003.06.01</v>
          </cell>
          <cell r="C60">
            <v>2189.9299999999998</v>
          </cell>
          <cell r="F60">
            <v>2189.9299999999998</v>
          </cell>
        </row>
        <row r="61">
          <cell r="A61" t="str">
            <v>COR/00003.08.01</v>
          </cell>
          <cell r="C61">
            <v>1789.93</v>
          </cell>
          <cell r="F61">
            <v>1789.93</v>
          </cell>
        </row>
        <row r="62">
          <cell r="A62" t="str">
            <v>COR/00003.09.01</v>
          </cell>
          <cell r="C62">
            <v>1789.93</v>
          </cell>
          <cell r="F62">
            <v>1789.93</v>
          </cell>
        </row>
        <row r="63">
          <cell r="A63" t="str">
            <v>COR/00003.10.01</v>
          </cell>
          <cell r="C63">
            <v>1819.92</v>
          </cell>
          <cell r="F63">
            <v>1819.92</v>
          </cell>
        </row>
        <row r="64">
          <cell r="A64" t="str">
            <v>COR/00003.11.01</v>
          </cell>
          <cell r="C64">
            <v>1789.93</v>
          </cell>
          <cell r="F64">
            <v>1789.93</v>
          </cell>
        </row>
        <row r="65">
          <cell r="A65" t="str">
            <v>COR/00003.12.01</v>
          </cell>
          <cell r="C65">
            <v>1789.93</v>
          </cell>
          <cell r="F65">
            <v>1789.93</v>
          </cell>
        </row>
        <row r="66">
          <cell r="A66" t="str">
            <v>COR/00003.13.01</v>
          </cell>
          <cell r="C66">
            <v>1869.43</v>
          </cell>
          <cell r="F66">
            <v>1869.43</v>
          </cell>
        </row>
        <row r="67">
          <cell r="A67" t="str">
            <v>COR/00003.14.01</v>
          </cell>
          <cell r="C67">
            <v>1789.93</v>
          </cell>
          <cell r="F67">
            <v>1789.93</v>
          </cell>
        </row>
        <row r="68">
          <cell r="A68" t="str">
            <v>COR/00003.15.01</v>
          </cell>
          <cell r="C68">
            <v>1909.93</v>
          </cell>
          <cell r="F68">
            <v>1909.93</v>
          </cell>
        </row>
        <row r="69">
          <cell r="A69" t="str">
            <v>COR/00003.16.01</v>
          </cell>
          <cell r="C69">
            <v>1873.93</v>
          </cell>
          <cell r="D69">
            <v>533.99</v>
          </cell>
          <cell r="F69">
            <v>2407.92</v>
          </cell>
        </row>
        <row r="70">
          <cell r="A70" t="str">
            <v>COR/00003.17.01</v>
          </cell>
          <cell r="C70">
            <v>1789.93</v>
          </cell>
          <cell r="F70">
            <v>1789.93</v>
          </cell>
        </row>
        <row r="71">
          <cell r="A71" t="str">
            <v>COR/00003.18.01</v>
          </cell>
          <cell r="C71">
            <v>1849.94</v>
          </cell>
          <cell r="F71">
            <v>1849.94</v>
          </cell>
        </row>
        <row r="72">
          <cell r="A72" t="str">
            <v>COR/00003.19.01</v>
          </cell>
          <cell r="C72">
            <v>1789.93</v>
          </cell>
          <cell r="F72">
            <v>1789.93</v>
          </cell>
        </row>
        <row r="73">
          <cell r="A73" t="str">
            <v>COR/00003.21.01</v>
          </cell>
          <cell r="C73">
            <v>2176.67</v>
          </cell>
          <cell r="F73">
            <v>2176.67</v>
          </cell>
        </row>
        <row r="74">
          <cell r="A74" t="str">
            <v>COR/00003.23.01</v>
          </cell>
          <cell r="C74">
            <v>1789.93</v>
          </cell>
          <cell r="F74">
            <v>1789.93</v>
          </cell>
        </row>
        <row r="75">
          <cell r="A75" t="str">
            <v>COR/00003.24.01</v>
          </cell>
          <cell r="C75">
            <v>1789.93</v>
          </cell>
          <cell r="F75">
            <v>1789.93</v>
          </cell>
        </row>
        <row r="76">
          <cell r="A76" t="str">
            <v>COR/00003.25.01</v>
          </cell>
          <cell r="C76">
            <v>1789.93</v>
          </cell>
          <cell r="F76">
            <v>1789.93</v>
          </cell>
        </row>
        <row r="77">
          <cell r="A77" t="str">
            <v>COR/00003.26.01</v>
          </cell>
          <cell r="C77">
            <v>1789.93</v>
          </cell>
          <cell r="F77">
            <v>1789.93</v>
          </cell>
        </row>
        <row r="78">
          <cell r="A78" t="str">
            <v>COR/00003.29.01</v>
          </cell>
          <cell r="C78">
            <v>1789.93</v>
          </cell>
          <cell r="F78">
            <v>1789.93</v>
          </cell>
        </row>
        <row r="79">
          <cell r="A79" t="str">
            <v>COR/00003.30.01</v>
          </cell>
          <cell r="C79">
            <v>1789.93</v>
          </cell>
          <cell r="F79">
            <v>1789.93</v>
          </cell>
        </row>
        <row r="80">
          <cell r="A80" t="str">
            <v>COR/00003.33.01</v>
          </cell>
          <cell r="C80">
            <v>1789.93</v>
          </cell>
          <cell r="F80">
            <v>1789.93</v>
          </cell>
        </row>
        <row r="81">
          <cell r="A81" t="str">
            <v>COR/00003.34.01</v>
          </cell>
          <cell r="C81">
            <v>1729.94</v>
          </cell>
          <cell r="F81">
            <v>1729.94</v>
          </cell>
        </row>
        <row r="82">
          <cell r="A82" t="str">
            <v>COR/00003.35.01</v>
          </cell>
          <cell r="C82">
            <v>1789.93</v>
          </cell>
          <cell r="F82">
            <v>1789.93</v>
          </cell>
        </row>
        <row r="83">
          <cell r="A83" t="str">
            <v>COR/00003.37.01</v>
          </cell>
          <cell r="C83">
            <v>1789.93</v>
          </cell>
          <cell r="F83">
            <v>1789.93</v>
          </cell>
        </row>
        <row r="84">
          <cell r="A84" t="str">
            <v>COR/00003.38.01</v>
          </cell>
          <cell r="C84">
            <v>1764.93</v>
          </cell>
          <cell r="F84">
            <v>1764.93</v>
          </cell>
        </row>
        <row r="85">
          <cell r="A85" t="str">
            <v>COR/00003.39.01</v>
          </cell>
          <cell r="C85">
            <v>1789.93</v>
          </cell>
          <cell r="F85">
            <v>1789.93</v>
          </cell>
        </row>
        <row r="86">
          <cell r="A86" t="str">
            <v>COR/00003.40.01</v>
          </cell>
          <cell r="C86">
            <v>1259.97</v>
          </cell>
          <cell r="F86">
            <v>1259.97</v>
          </cell>
        </row>
        <row r="87">
          <cell r="A87" t="str">
            <v>COR/00003.41.01</v>
          </cell>
          <cell r="C87">
            <v>1789.93</v>
          </cell>
          <cell r="F87">
            <v>1789.93</v>
          </cell>
        </row>
        <row r="88">
          <cell r="A88" t="str">
            <v>COR/00003.42.01</v>
          </cell>
          <cell r="C88">
            <v>1789.93</v>
          </cell>
          <cell r="F88">
            <v>1789.93</v>
          </cell>
        </row>
        <row r="89">
          <cell r="A89" t="str">
            <v>COR/00003.43.01</v>
          </cell>
          <cell r="C89">
            <v>1873.93</v>
          </cell>
          <cell r="F89">
            <v>1873.93</v>
          </cell>
        </row>
        <row r="90">
          <cell r="A90" t="str">
            <v>COR/00003.44.01</v>
          </cell>
          <cell r="C90">
            <v>1312.97</v>
          </cell>
          <cell r="F90">
            <v>1312.97</v>
          </cell>
        </row>
        <row r="91">
          <cell r="A91" t="str">
            <v>COR/00003.45.01</v>
          </cell>
          <cell r="C91">
            <v>1789.93</v>
          </cell>
          <cell r="F91">
            <v>1789.93</v>
          </cell>
        </row>
        <row r="92">
          <cell r="A92" t="str">
            <v>COR/00003.47.01</v>
          </cell>
          <cell r="C92">
            <v>1789.93</v>
          </cell>
          <cell r="F92">
            <v>1789.93</v>
          </cell>
        </row>
        <row r="93">
          <cell r="A93" t="str">
            <v>COR/00003.49.01</v>
          </cell>
          <cell r="C93">
            <v>1789.93</v>
          </cell>
          <cell r="F93">
            <v>1789.93</v>
          </cell>
        </row>
        <row r="94">
          <cell r="A94" t="str">
            <v>COR/00003.52.01</v>
          </cell>
          <cell r="C94">
            <v>1909.93</v>
          </cell>
          <cell r="F94">
            <v>1909.93</v>
          </cell>
        </row>
        <row r="95">
          <cell r="A95" t="str">
            <v>COR/00003.54.01</v>
          </cell>
          <cell r="C95">
            <v>1789.93</v>
          </cell>
          <cell r="F95">
            <v>1789.93</v>
          </cell>
        </row>
        <row r="96">
          <cell r="A96" t="str">
            <v>COR/00003.55.01</v>
          </cell>
          <cell r="C96">
            <v>1789.93</v>
          </cell>
          <cell r="F96">
            <v>1789.93</v>
          </cell>
        </row>
        <row r="97">
          <cell r="A97" t="str">
            <v>COR/00003.56.01</v>
          </cell>
          <cell r="C97">
            <v>1789.93</v>
          </cell>
          <cell r="F97">
            <v>1789.93</v>
          </cell>
        </row>
        <row r="98">
          <cell r="A98" t="str">
            <v>COR/00003.59.01</v>
          </cell>
          <cell r="C98">
            <v>1789.93</v>
          </cell>
          <cell r="F98">
            <v>1789.93</v>
          </cell>
        </row>
        <row r="99">
          <cell r="A99" t="str">
            <v>COR/00003.60.01</v>
          </cell>
          <cell r="C99">
            <v>1789.93</v>
          </cell>
          <cell r="F99">
            <v>1789.93</v>
          </cell>
        </row>
        <row r="100">
          <cell r="A100" t="str">
            <v>COR/00003.61.01</v>
          </cell>
          <cell r="C100">
            <v>1729.94</v>
          </cell>
          <cell r="F100">
            <v>1729.94</v>
          </cell>
        </row>
        <row r="101">
          <cell r="A101" t="str">
            <v>COR/00003.62.01</v>
          </cell>
          <cell r="C101">
            <v>1789.93</v>
          </cell>
          <cell r="F101">
            <v>1789.93</v>
          </cell>
        </row>
        <row r="102">
          <cell r="A102" t="str">
            <v>COR/00003.63.01</v>
          </cell>
          <cell r="C102">
            <v>1789.93</v>
          </cell>
          <cell r="F102">
            <v>1789.93</v>
          </cell>
        </row>
        <row r="103">
          <cell r="A103" t="str">
            <v>COR/00003.64.01</v>
          </cell>
          <cell r="C103">
            <v>1993.93</v>
          </cell>
          <cell r="F103">
            <v>1993.93</v>
          </cell>
        </row>
        <row r="104">
          <cell r="A104" t="str">
            <v>COR/00003.65.01</v>
          </cell>
          <cell r="C104">
            <v>1789.93</v>
          </cell>
          <cell r="F104">
            <v>1789.93</v>
          </cell>
        </row>
        <row r="105">
          <cell r="A105" t="str">
            <v>COR/00003.66.01</v>
          </cell>
          <cell r="C105">
            <v>1789.93</v>
          </cell>
          <cell r="F105">
            <v>1789.93</v>
          </cell>
        </row>
        <row r="106">
          <cell r="A106" t="str">
            <v>COR/00003.70.01</v>
          </cell>
          <cell r="C106">
            <v>1789.93</v>
          </cell>
          <cell r="F106">
            <v>1789.93</v>
          </cell>
        </row>
        <row r="107">
          <cell r="A107" t="str">
            <v>COR/00003.71.01</v>
          </cell>
          <cell r="C107">
            <v>1789.93</v>
          </cell>
          <cell r="F107">
            <v>1789.93</v>
          </cell>
        </row>
        <row r="108">
          <cell r="A108" t="str">
            <v>COR/00003.72.01</v>
          </cell>
          <cell r="C108">
            <v>1789.93</v>
          </cell>
          <cell r="F108">
            <v>1789.93</v>
          </cell>
        </row>
        <row r="109">
          <cell r="A109" t="str">
            <v>COR/00003.73.01</v>
          </cell>
          <cell r="C109">
            <v>1789.93</v>
          </cell>
          <cell r="F109">
            <v>1789.93</v>
          </cell>
        </row>
        <row r="110">
          <cell r="A110" t="str">
            <v>COR/00003.74.01</v>
          </cell>
          <cell r="C110">
            <v>1789.93</v>
          </cell>
          <cell r="F110">
            <v>1789.93</v>
          </cell>
        </row>
        <row r="111">
          <cell r="A111" t="str">
            <v>COR/00003.75.01</v>
          </cell>
          <cell r="C111">
            <v>1993.93</v>
          </cell>
          <cell r="F111">
            <v>1993.93</v>
          </cell>
        </row>
        <row r="112">
          <cell r="A112" t="str">
            <v>COR/00003.77.01</v>
          </cell>
          <cell r="C112">
            <v>1789.93</v>
          </cell>
          <cell r="F112">
            <v>1789.93</v>
          </cell>
        </row>
        <row r="113">
          <cell r="A113" t="str">
            <v>COR/00003.78.01</v>
          </cell>
          <cell r="C113">
            <v>1789.93</v>
          </cell>
          <cell r="F113">
            <v>1789.93</v>
          </cell>
        </row>
        <row r="114">
          <cell r="A114" t="str">
            <v>COR/00003.80.01</v>
          </cell>
          <cell r="C114">
            <v>1789.93</v>
          </cell>
          <cell r="F114">
            <v>1789.93</v>
          </cell>
        </row>
        <row r="115">
          <cell r="A115" t="str">
            <v>COR/00003.81.01</v>
          </cell>
          <cell r="C115">
            <v>1789.93</v>
          </cell>
          <cell r="F115">
            <v>1789.93</v>
          </cell>
        </row>
        <row r="116">
          <cell r="A116" t="str">
            <v>COR/00003.83.01</v>
          </cell>
          <cell r="C116">
            <v>1789.93</v>
          </cell>
          <cell r="F116">
            <v>1789.93</v>
          </cell>
        </row>
        <row r="117">
          <cell r="A117" t="str">
            <v>COR/00004.01.01</v>
          </cell>
          <cell r="D117">
            <v>0</v>
          </cell>
          <cell r="E117">
            <v>6.2527760746888816E-13</v>
          </cell>
          <cell r="F117">
            <v>6.2527760746888816E-13</v>
          </cell>
        </row>
        <row r="118">
          <cell r="A118" t="str">
            <v>COR/00004.02.01</v>
          </cell>
          <cell r="D118">
            <v>-1.8189894035458565E-12</v>
          </cell>
          <cell r="E118">
            <v>-1.8189894035458565E-12</v>
          </cell>
          <cell r="F118">
            <v>-3.637978807091713E-12</v>
          </cell>
        </row>
        <row r="119">
          <cell r="A119" t="str">
            <v>COR/00004.07.01</v>
          </cell>
          <cell r="D119">
            <v>0</v>
          </cell>
          <cell r="F119">
            <v>0</v>
          </cell>
        </row>
        <row r="120">
          <cell r="A120" t="str">
            <v>COR/00004.08.01</v>
          </cell>
          <cell r="D120">
            <v>1.3642420526593924E-12</v>
          </cell>
          <cell r="E120">
            <v>-2.2737367544323206E-13</v>
          </cell>
          <cell r="F120">
            <v>1.1368683772161603E-12</v>
          </cell>
        </row>
        <row r="121">
          <cell r="A121" t="str">
            <v>COR/00004.10.01</v>
          </cell>
          <cell r="E121">
            <v>-6.8212102632969618E-13</v>
          </cell>
          <cell r="F121">
            <v>-6.8212102632969618E-13</v>
          </cell>
        </row>
        <row r="122">
          <cell r="A122" t="str">
            <v>COR/00004.11.01</v>
          </cell>
          <cell r="E122">
            <v>0</v>
          </cell>
          <cell r="F122">
            <v>0</v>
          </cell>
        </row>
        <row r="123">
          <cell r="A123" t="str">
            <v>COR/00004.14.01</v>
          </cell>
          <cell r="E123">
            <v>60000</v>
          </cell>
          <cell r="F123">
            <v>60000</v>
          </cell>
        </row>
        <row r="124">
          <cell r="A124" t="str">
            <v>COR/00005.01.01</v>
          </cell>
          <cell r="C124">
            <v>2318.4</v>
          </cell>
          <cell r="F124">
            <v>2318.4</v>
          </cell>
        </row>
        <row r="125">
          <cell r="A125" t="str">
            <v>COR/00005.02.01</v>
          </cell>
          <cell r="C125">
            <v>7097.59</v>
          </cell>
          <cell r="F125">
            <v>7097.59</v>
          </cell>
        </row>
        <row r="126">
          <cell r="A126" t="str">
            <v>COR/00005.03.01</v>
          </cell>
          <cell r="C126">
            <v>1130.8900000000001</v>
          </cell>
          <cell r="F126">
            <v>1130.8900000000001</v>
          </cell>
        </row>
        <row r="127">
          <cell r="A127" t="str">
            <v>COR/00005.04.01</v>
          </cell>
          <cell r="C127">
            <v>9055</v>
          </cell>
          <cell r="F127">
            <v>9055</v>
          </cell>
        </row>
        <row r="128">
          <cell r="A128" t="str">
            <v>COR/00005.05.01</v>
          </cell>
          <cell r="C128">
            <v>9000</v>
          </cell>
          <cell r="D128">
            <v>0</v>
          </cell>
          <cell r="F128">
            <v>9000</v>
          </cell>
        </row>
        <row r="129">
          <cell r="A129" t="str">
            <v>COR/00005.06.01</v>
          </cell>
          <cell r="C129">
            <v>7000</v>
          </cell>
          <cell r="F129">
            <v>7000</v>
          </cell>
        </row>
        <row r="130">
          <cell r="A130" t="str">
            <v>COR/00005.07.01</v>
          </cell>
          <cell r="C130">
            <v>9344.26</v>
          </cell>
          <cell r="F130">
            <v>9344.26</v>
          </cell>
        </row>
        <row r="131">
          <cell r="A131" t="str">
            <v>COR/00005.08.01</v>
          </cell>
          <cell r="C131">
            <v>5000</v>
          </cell>
          <cell r="F131">
            <v>5000</v>
          </cell>
        </row>
        <row r="132">
          <cell r="A132" t="str">
            <v>COR/00005.09.01</v>
          </cell>
          <cell r="C132">
            <v>9150</v>
          </cell>
          <cell r="F132">
            <v>9150</v>
          </cell>
        </row>
        <row r="133">
          <cell r="A133" t="str">
            <v>COR/00005.10.01</v>
          </cell>
          <cell r="C133">
            <v>92700</v>
          </cell>
          <cell r="D133">
            <v>118409.67</v>
          </cell>
          <cell r="E133">
            <v>-3351.98</v>
          </cell>
          <cell r="F133">
            <v>207757.69</v>
          </cell>
        </row>
        <row r="134">
          <cell r="A134" t="str">
            <v>COR/00005.11.01</v>
          </cell>
          <cell r="D134">
            <v>11400</v>
          </cell>
          <cell r="F134">
            <v>11400</v>
          </cell>
        </row>
        <row r="135">
          <cell r="A135" t="str">
            <v>COR/00005.12.01</v>
          </cell>
          <cell r="D135">
            <v>7235</v>
          </cell>
          <cell r="F135">
            <v>7235</v>
          </cell>
        </row>
        <row r="136">
          <cell r="A136" t="str">
            <v>COR/00005.13.01</v>
          </cell>
          <cell r="D136">
            <v>13865.72</v>
          </cell>
          <cell r="E136">
            <v>0</v>
          </cell>
          <cell r="F136">
            <v>13865.72</v>
          </cell>
        </row>
        <row r="137">
          <cell r="A137" t="str">
            <v>COR/00005.15.01</v>
          </cell>
          <cell r="D137">
            <v>22459.5</v>
          </cell>
          <cell r="F137">
            <v>22459.5</v>
          </cell>
        </row>
        <row r="138">
          <cell r="A138" t="str">
            <v>COR/00005.16.01</v>
          </cell>
          <cell r="D138">
            <v>14488.32</v>
          </cell>
          <cell r="F138">
            <v>14488.32</v>
          </cell>
        </row>
        <row r="139">
          <cell r="A139" t="str">
            <v>COR/00005.17.01</v>
          </cell>
          <cell r="D139">
            <v>11357.95</v>
          </cell>
          <cell r="F139">
            <v>11357.95</v>
          </cell>
        </row>
        <row r="140">
          <cell r="A140" t="str">
            <v>COR/00005.18.01</v>
          </cell>
          <cell r="D140">
            <v>6789.43</v>
          </cell>
          <cell r="F140">
            <v>6789.43</v>
          </cell>
        </row>
        <row r="141">
          <cell r="A141" t="str">
            <v>COR/00005.19.01</v>
          </cell>
          <cell r="D141">
            <v>1388.98</v>
          </cell>
          <cell r="F141">
            <v>1388.98</v>
          </cell>
        </row>
        <row r="142">
          <cell r="A142" t="str">
            <v>COR/00005.20.01</v>
          </cell>
          <cell r="D142">
            <v>3844.76</v>
          </cell>
          <cell r="F142">
            <v>3844.76</v>
          </cell>
        </row>
        <row r="143">
          <cell r="A143" t="str">
            <v>COR/00006</v>
          </cell>
          <cell r="D143">
            <v>0</v>
          </cell>
          <cell r="F143">
            <v>0</v>
          </cell>
        </row>
        <row r="144">
          <cell r="A144" t="str">
            <v>COR/00006.01.01</v>
          </cell>
          <cell r="D144">
            <v>96009.8</v>
          </cell>
          <cell r="E144">
            <v>1076034.45</v>
          </cell>
          <cell r="F144">
            <v>1172044.25</v>
          </cell>
        </row>
        <row r="145">
          <cell r="A145" t="str">
            <v>EDU/00001.03.01</v>
          </cell>
          <cell r="D145">
            <v>465.45000000000073</v>
          </cell>
          <cell r="F145">
            <v>465.45000000000073</v>
          </cell>
        </row>
        <row r="146">
          <cell r="A146" t="str">
            <v>EDU/00001.05.01</v>
          </cell>
          <cell r="B146">
            <v>112500</v>
          </cell>
          <cell r="F146">
            <v>112500</v>
          </cell>
        </row>
        <row r="147">
          <cell r="A147" t="str">
            <v>EDU/00001.07.01</v>
          </cell>
          <cell r="B147">
            <v>8271</v>
          </cell>
          <cell r="F147">
            <v>8271</v>
          </cell>
        </row>
        <row r="148">
          <cell r="A148" t="str">
            <v>EDU/00001.09.01</v>
          </cell>
          <cell r="B148">
            <v>10000</v>
          </cell>
          <cell r="F148">
            <v>10000</v>
          </cell>
        </row>
        <row r="149">
          <cell r="A149" t="str">
            <v>EDU/00001.13.01</v>
          </cell>
          <cell r="B149">
            <v>22250</v>
          </cell>
          <cell r="F149">
            <v>22250</v>
          </cell>
        </row>
        <row r="150">
          <cell r="A150" t="str">
            <v>EDU/00001.15.01</v>
          </cell>
          <cell r="C150">
            <v>8966</v>
          </cell>
          <cell r="F150">
            <v>8966</v>
          </cell>
        </row>
        <row r="151">
          <cell r="A151" t="str">
            <v>EDU/00001.16.01</v>
          </cell>
          <cell r="B151">
            <v>91700</v>
          </cell>
          <cell r="F151">
            <v>91700</v>
          </cell>
        </row>
        <row r="152">
          <cell r="A152" t="str">
            <v>EDU/00001.17.01</v>
          </cell>
          <cell r="B152">
            <v>31568.9</v>
          </cell>
          <cell r="F152">
            <v>31568.9</v>
          </cell>
        </row>
        <row r="153">
          <cell r="A153" t="str">
            <v>EDU/00001.19.01</v>
          </cell>
          <cell r="B153">
            <v>23517.14</v>
          </cell>
          <cell r="D153">
            <v>0</v>
          </cell>
          <cell r="F153">
            <v>23517.14</v>
          </cell>
        </row>
        <row r="154">
          <cell r="A154" t="str">
            <v>EDU/00001.20.01</v>
          </cell>
          <cell r="B154">
            <v>6073</v>
          </cell>
          <cell r="F154">
            <v>6073</v>
          </cell>
        </row>
        <row r="155">
          <cell r="A155" t="str">
            <v>EDU/00001.21.01</v>
          </cell>
          <cell r="B155">
            <v>42491.26</v>
          </cell>
          <cell r="C155">
            <v>44508.74</v>
          </cell>
          <cell r="F155">
            <v>87000</v>
          </cell>
        </row>
        <row r="156">
          <cell r="A156" t="str">
            <v>EDU/00001.24.01</v>
          </cell>
          <cell r="B156">
            <v>12000</v>
          </cell>
          <cell r="F156">
            <v>12000</v>
          </cell>
        </row>
        <row r="157">
          <cell r="A157" t="str">
            <v>EDU/00001.25.01</v>
          </cell>
          <cell r="B157">
            <v>5314</v>
          </cell>
          <cell r="C157">
            <v>12463</v>
          </cell>
          <cell r="D157">
            <v>405</v>
          </cell>
          <cell r="F157">
            <v>18182</v>
          </cell>
        </row>
        <row r="158">
          <cell r="A158" t="str">
            <v>EDU/00001.26.01</v>
          </cell>
          <cell r="B158">
            <v>71675.44</v>
          </cell>
          <cell r="C158">
            <v>1221.56</v>
          </cell>
          <cell r="F158">
            <v>72897</v>
          </cell>
        </row>
        <row r="159">
          <cell r="A159" t="str">
            <v>EDU/00001.27.01</v>
          </cell>
          <cell r="B159">
            <v>14500</v>
          </cell>
          <cell r="F159">
            <v>14500</v>
          </cell>
        </row>
        <row r="160">
          <cell r="A160" t="str">
            <v>EDU/00001.28.01</v>
          </cell>
          <cell r="B160">
            <v>10000</v>
          </cell>
          <cell r="F160">
            <v>10000</v>
          </cell>
        </row>
        <row r="161">
          <cell r="A161" t="str">
            <v>EDU/00001.29.01</v>
          </cell>
          <cell r="B161">
            <v>68365</v>
          </cell>
          <cell r="F161">
            <v>68365</v>
          </cell>
        </row>
        <row r="162">
          <cell r="A162" t="str">
            <v>EDU/00001.30.01</v>
          </cell>
          <cell r="C162">
            <v>34999.800000000003</v>
          </cell>
          <cell r="F162">
            <v>34999.800000000003</v>
          </cell>
        </row>
        <row r="163">
          <cell r="A163" t="str">
            <v>EDU/00001.32.01</v>
          </cell>
          <cell r="B163">
            <v>60270</v>
          </cell>
          <cell r="F163">
            <v>60270</v>
          </cell>
        </row>
        <row r="164">
          <cell r="A164" t="str">
            <v>EDU/00001.33.01</v>
          </cell>
          <cell r="B164">
            <v>17490</v>
          </cell>
          <cell r="F164">
            <v>17490</v>
          </cell>
        </row>
        <row r="165">
          <cell r="A165" t="str">
            <v>EDU/00001.34.01</v>
          </cell>
          <cell r="B165">
            <v>7430.99</v>
          </cell>
          <cell r="F165">
            <v>7430.99</v>
          </cell>
        </row>
        <row r="166">
          <cell r="A166" t="str">
            <v>EDU/00001.35.01</v>
          </cell>
          <cell r="C166">
            <v>4292</v>
          </cell>
          <cell r="F166">
            <v>4292</v>
          </cell>
        </row>
        <row r="167">
          <cell r="A167" t="str">
            <v>EDU/00001.36.01</v>
          </cell>
          <cell r="C167">
            <v>8930</v>
          </cell>
          <cell r="F167">
            <v>8930</v>
          </cell>
        </row>
        <row r="168">
          <cell r="A168" t="str">
            <v>EDU/00001.37.01</v>
          </cell>
          <cell r="D168">
            <v>23000</v>
          </cell>
          <cell r="F168">
            <v>23000</v>
          </cell>
        </row>
        <row r="169">
          <cell r="A169" t="str">
            <v>EDU/00001.38.01</v>
          </cell>
          <cell r="C169">
            <v>50000</v>
          </cell>
          <cell r="D169">
            <v>5000</v>
          </cell>
          <cell r="F169">
            <v>55000</v>
          </cell>
        </row>
        <row r="170">
          <cell r="A170" t="str">
            <v>EDU/00001.39.01</v>
          </cell>
          <cell r="C170">
            <v>17950</v>
          </cell>
          <cell r="F170">
            <v>17950</v>
          </cell>
        </row>
        <row r="171">
          <cell r="A171" t="str">
            <v>EDU/00001.40.01</v>
          </cell>
          <cell r="D171">
            <v>26495</v>
          </cell>
          <cell r="F171">
            <v>26495</v>
          </cell>
        </row>
        <row r="172">
          <cell r="A172" t="str">
            <v>EDU/00001.41.01</v>
          </cell>
          <cell r="D172">
            <v>25285</v>
          </cell>
          <cell r="F172">
            <v>25285</v>
          </cell>
        </row>
        <row r="173">
          <cell r="A173" t="str">
            <v>EDU/00001.45.01</v>
          </cell>
          <cell r="D173">
            <v>25851</v>
          </cell>
          <cell r="E173">
            <v>0</v>
          </cell>
          <cell r="F173">
            <v>25851</v>
          </cell>
        </row>
        <row r="174">
          <cell r="A174" t="str">
            <v>EDU/00001.46.01</v>
          </cell>
          <cell r="D174">
            <v>7180</v>
          </cell>
          <cell r="E174">
            <v>3820</v>
          </cell>
          <cell r="F174">
            <v>11000</v>
          </cell>
        </row>
        <row r="175">
          <cell r="A175" t="str">
            <v>EDU/00001.47.01</v>
          </cell>
          <cell r="D175">
            <v>8687</v>
          </cell>
          <cell r="F175">
            <v>8687</v>
          </cell>
        </row>
        <row r="176">
          <cell r="A176" t="str">
            <v>EDU/00001.48.01</v>
          </cell>
          <cell r="D176">
            <v>15890</v>
          </cell>
          <cell r="E176">
            <v>378</v>
          </cell>
          <cell r="F176">
            <v>16268</v>
          </cell>
        </row>
        <row r="177">
          <cell r="A177" t="str">
            <v>EDU/00001.49.01</v>
          </cell>
          <cell r="D177">
            <v>10293.68</v>
          </cell>
          <cell r="F177">
            <v>10293.68</v>
          </cell>
        </row>
        <row r="178">
          <cell r="A178" t="str">
            <v>EDU/00001.50.01</v>
          </cell>
          <cell r="D178">
            <v>14949.91</v>
          </cell>
          <cell r="F178">
            <v>14949.91</v>
          </cell>
        </row>
        <row r="179">
          <cell r="A179" t="str">
            <v>EDU/00001.51.01</v>
          </cell>
          <cell r="D179">
            <v>21505.74</v>
          </cell>
          <cell r="F179">
            <v>21505.74</v>
          </cell>
        </row>
        <row r="180">
          <cell r="A180" t="str">
            <v>EDU/00001.52.01</v>
          </cell>
          <cell r="D180">
            <v>34478</v>
          </cell>
          <cell r="F180">
            <v>34478</v>
          </cell>
        </row>
        <row r="181">
          <cell r="A181" t="str">
            <v>EDU/00001.53.01</v>
          </cell>
          <cell r="D181">
            <v>30782</v>
          </cell>
          <cell r="F181">
            <v>30782</v>
          </cell>
        </row>
        <row r="182">
          <cell r="A182" t="str">
            <v>EDU/00001.54.01</v>
          </cell>
          <cell r="D182">
            <v>8500</v>
          </cell>
          <cell r="F182">
            <v>8500</v>
          </cell>
        </row>
        <row r="183">
          <cell r="A183" t="str">
            <v>EDU/00001.55.01</v>
          </cell>
          <cell r="D183">
            <v>8062</v>
          </cell>
          <cell r="F183">
            <v>8062</v>
          </cell>
        </row>
        <row r="184">
          <cell r="A184" t="str">
            <v>EDU/00001.56.01</v>
          </cell>
          <cell r="D184">
            <v>1056.44</v>
          </cell>
          <cell r="E184">
            <v>443.56</v>
          </cell>
          <cell r="F184">
            <v>1500</v>
          </cell>
        </row>
        <row r="185">
          <cell r="A185" t="str">
            <v>EDU/00001.57.01</v>
          </cell>
          <cell r="D185">
            <v>18739.12</v>
          </cell>
          <cell r="F185">
            <v>18739.12</v>
          </cell>
        </row>
        <row r="186">
          <cell r="A186" t="str">
            <v>EDU/00001.58.01</v>
          </cell>
          <cell r="E186">
            <v>13800</v>
          </cell>
          <cell r="F186">
            <v>13800</v>
          </cell>
        </row>
        <row r="187">
          <cell r="A187" t="str">
            <v>EDU/00001.60.01</v>
          </cell>
          <cell r="E187">
            <v>9548.94</v>
          </cell>
          <cell r="F187">
            <v>9548.94</v>
          </cell>
        </row>
        <row r="188">
          <cell r="A188" t="str">
            <v>EDU/00001.61.01</v>
          </cell>
          <cell r="E188">
            <v>52500</v>
          </cell>
          <cell r="F188">
            <v>52500</v>
          </cell>
        </row>
        <row r="189">
          <cell r="A189" t="str">
            <v>EDU/00001.62.01</v>
          </cell>
          <cell r="E189">
            <v>10357</v>
          </cell>
          <cell r="F189">
            <v>10357</v>
          </cell>
        </row>
        <row r="190">
          <cell r="A190" t="str">
            <v>EDU/00001.63.01</v>
          </cell>
          <cell r="E190">
            <v>14440</v>
          </cell>
          <cell r="F190">
            <v>14440</v>
          </cell>
        </row>
        <row r="191">
          <cell r="A191" t="str">
            <v>EDU/00001.64.01</v>
          </cell>
          <cell r="E191">
            <v>18485.990000000002</v>
          </cell>
          <cell r="F191">
            <v>18485.990000000002</v>
          </cell>
        </row>
        <row r="192">
          <cell r="A192" t="str">
            <v>EDU/00001.65.01</v>
          </cell>
          <cell r="E192">
            <v>19583</v>
          </cell>
          <cell r="F192">
            <v>19583</v>
          </cell>
        </row>
        <row r="193">
          <cell r="A193" t="str">
            <v>EDU/00001.66.01</v>
          </cell>
          <cell r="E193">
            <v>23736</v>
          </cell>
          <cell r="F193">
            <v>23736</v>
          </cell>
        </row>
        <row r="194">
          <cell r="A194" t="str">
            <v>EDU/00001.67.01</v>
          </cell>
          <cell r="E194">
            <v>7702.02</v>
          </cell>
          <cell r="F194">
            <v>7702.02</v>
          </cell>
        </row>
        <row r="195">
          <cell r="A195" t="str">
            <v>EDU/00001.68.01</v>
          </cell>
          <cell r="E195">
            <v>7680.79</v>
          </cell>
          <cell r="F195">
            <v>7680.79</v>
          </cell>
        </row>
        <row r="196">
          <cell r="A196" t="str">
            <v>EDU/00001.69.01</v>
          </cell>
          <cell r="E196">
            <v>14960</v>
          </cell>
          <cell r="F196">
            <v>14960</v>
          </cell>
        </row>
        <row r="197">
          <cell r="A197" t="str">
            <v>EDU/00001.74.01</v>
          </cell>
          <cell r="E197">
            <v>14638</v>
          </cell>
          <cell r="F197">
            <v>14638</v>
          </cell>
        </row>
        <row r="198">
          <cell r="A198" t="str">
            <v>EDU/00001.76.01</v>
          </cell>
          <cell r="E198">
            <v>5940</v>
          </cell>
          <cell r="F198">
            <v>5940</v>
          </cell>
        </row>
        <row r="199">
          <cell r="A199" t="str">
            <v>EDU/00001.77.01</v>
          </cell>
          <cell r="E199">
            <v>30967</v>
          </cell>
          <cell r="F199">
            <v>30967</v>
          </cell>
        </row>
        <row r="200">
          <cell r="A200" t="str">
            <v>EDU/00002.01.01</v>
          </cell>
          <cell r="B200">
            <v>110807.48</v>
          </cell>
          <cell r="F200">
            <v>110807.48</v>
          </cell>
        </row>
        <row r="201">
          <cell r="A201" t="str">
            <v>EDU/00003.01.01</v>
          </cell>
          <cell r="B201">
            <v>141235.6</v>
          </cell>
          <cell r="F201">
            <v>141235.6</v>
          </cell>
        </row>
        <row r="202">
          <cell r="A202" t="str">
            <v>EDU/00004.01.01</v>
          </cell>
          <cell r="B202">
            <v>12131.79</v>
          </cell>
          <cell r="F202">
            <v>12131.79</v>
          </cell>
        </row>
        <row r="203">
          <cell r="A203" t="str">
            <v>EDU/00004.04.01</v>
          </cell>
          <cell r="C203">
            <v>5077</v>
          </cell>
          <cell r="F203">
            <v>5077</v>
          </cell>
        </row>
        <row r="204">
          <cell r="A204" t="str">
            <v>EDU/00004.05.01</v>
          </cell>
          <cell r="B204">
            <v>41995.69</v>
          </cell>
          <cell r="C204">
            <v>24888.639999999999</v>
          </cell>
          <cell r="E204">
            <v>3661.15</v>
          </cell>
          <cell r="F204">
            <v>70545.48</v>
          </cell>
        </row>
        <row r="205">
          <cell r="A205" t="str">
            <v>EDU/00004.06.01</v>
          </cell>
          <cell r="B205">
            <v>6773.31</v>
          </cell>
          <cell r="F205">
            <v>6773.31</v>
          </cell>
        </row>
        <row r="206">
          <cell r="A206" t="str">
            <v>EDU/00004.07.01</v>
          </cell>
          <cell r="B206">
            <v>20496.18</v>
          </cell>
          <cell r="C206">
            <v>10851.92</v>
          </cell>
          <cell r="F206">
            <v>31348.1</v>
          </cell>
        </row>
        <row r="207">
          <cell r="A207" t="str">
            <v>EDU/00004.08.01</v>
          </cell>
          <cell r="B207">
            <v>7956.74</v>
          </cell>
          <cell r="F207">
            <v>7956.74</v>
          </cell>
        </row>
        <row r="208">
          <cell r="A208" t="str">
            <v>EDU/00004.11.01</v>
          </cell>
          <cell r="B208">
            <v>5566.42</v>
          </cell>
          <cell r="F208">
            <v>5566.42</v>
          </cell>
        </row>
        <row r="209">
          <cell r="A209" t="str">
            <v>EDU/00004.17.01</v>
          </cell>
          <cell r="B209">
            <v>1550</v>
          </cell>
          <cell r="F209">
            <v>1550</v>
          </cell>
        </row>
        <row r="210">
          <cell r="A210" t="str">
            <v>EDU/00004.18.01</v>
          </cell>
          <cell r="B210">
            <v>7967.56</v>
          </cell>
          <cell r="C210">
            <v>16829</v>
          </cell>
          <cell r="F210">
            <v>24796.560000000001</v>
          </cell>
        </row>
        <row r="211">
          <cell r="A211" t="str">
            <v>EDU/00004.21.01</v>
          </cell>
          <cell r="B211">
            <v>16467.2</v>
          </cell>
          <cell r="C211">
            <v>669.96</v>
          </cell>
          <cell r="F211">
            <v>17137.16</v>
          </cell>
        </row>
        <row r="212">
          <cell r="A212" t="str">
            <v>EDU/00004.24.01</v>
          </cell>
          <cell r="B212">
            <v>940.6</v>
          </cell>
          <cell r="F212">
            <v>940.6</v>
          </cell>
        </row>
        <row r="213">
          <cell r="A213" t="str">
            <v>EDU/00004.25.01</v>
          </cell>
          <cell r="B213">
            <v>80</v>
          </cell>
          <cell r="F213">
            <v>80</v>
          </cell>
        </row>
        <row r="214">
          <cell r="A214" t="str">
            <v>EDU/00005.01.01</v>
          </cell>
          <cell r="C214">
            <v>14758.11</v>
          </cell>
          <cell r="F214">
            <v>14758.11</v>
          </cell>
        </row>
        <row r="215">
          <cell r="A215" t="str">
            <v>EDU/00006.01.01</v>
          </cell>
          <cell r="B215">
            <v>44.45</v>
          </cell>
          <cell r="F215">
            <v>44.45</v>
          </cell>
        </row>
        <row r="216">
          <cell r="A216" t="str">
            <v>EDU/00007.01.01</v>
          </cell>
          <cell r="B216">
            <v>275951.63</v>
          </cell>
          <cell r="F216">
            <v>275951.63</v>
          </cell>
        </row>
        <row r="217">
          <cell r="A217" t="str">
            <v>EDU/00008.01.01</v>
          </cell>
          <cell r="B217">
            <v>10147.58</v>
          </cell>
          <cell r="F217">
            <v>10147.58</v>
          </cell>
        </row>
        <row r="218">
          <cell r="A218" t="str">
            <v>EDU/00009.01.01</v>
          </cell>
          <cell r="B218">
            <v>2131528.46</v>
          </cell>
          <cell r="C218">
            <v>152374.48000000001</v>
          </cell>
          <cell r="D218">
            <v>8121.8</v>
          </cell>
          <cell r="F218">
            <v>2292024.7400000002</v>
          </cell>
        </row>
        <row r="219">
          <cell r="A219" t="str">
            <v>EDU/00009.02.01</v>
          </cell>
          <cell r="B219">
            <v>522.89</v>
          </cell>
          <cell r="C219">
            <v>163.38999999999999</v>
          </cell>
          <cell r="F219">
            <v>686.28</v>
          </cell>
        </row>
        <row r="220">
          <cell r="A220" t="str">
            <v>EDU/00009.04.01</v>
          </cell>
          <cell r="B220">
            <v>6946.91</v>
          </cell>
          <cell r="F220">
            <v>6946.91</v>
          </cell>
        </row>
        <row r="221">
          <cell r="A221" t="str">
            <v>EDU/00010.01.01</v>
          </cell>
          <cell r="B221">
            <v>149822.60999999999</v>
          </cell>
          <cell r="C221">
            <v>46476.17</v>
          </cell>
          <cell r="F221">
            <v>196298.78</v>
          </cell>
        </row>
        <row r="222">
          <cell r="A222" t="str">
            <v>EDU/00010.01.14</v>
          </cell>
          <cell r="B222">
            <v>0</v>
          </cell>
          <cell r="F222">
            <v>0</v>
          </cell>
        </row>
        <row r="223">
          <cell r="A223" t="str">
            <v>EDU/00010.02.01</v>
          </cell>
          <cell r="B223">
            <v>43328.1</v>
          </cell>
          <cell r="C223">
            <v>13445</v>
          </cell>
          <cell r="D223">
            <v>1760</v>
          </cell>
          <cell r="F223">
            <v>58533.1</v>
          </cell>
        </row>
        <row r="224">
          <cell r="A224" t="str">
            <v>EDU/00010.03.01</v>
          </cell>
          <cell r="B224">
            <v>2118227.13</v>
          </cell>
          <cell r="C224">
            <v>1675693.14</v>
          </cell>
          <cell r="D224">
            <v>77002.600000000006</v>
          </cell>
          <cell r="E224">
            <v>45860.08</v>
          </cell>
          <cell r="F224">
            <v>3916782.95</v>
          </cell>
        </row>
        <row r="225">
          <cell r="A225" t="str">
            <v>EDU/00010.04.01</v>
          </cell>
          <cell r="C225">
            <v>12254.84</v>
          </cell>
          <cell r="F225">
            <v>12254.84</v>
          </cell>
        </row>
        <row r="226">
          <cell r="A226" t="str">
            <v>EDU/00012.01.01</v>
          </cell>
          <cell r="B226">
            <v>19263.400000000001</v>
          </cell>
          <cell r="D226">
            <v>10000</v>
          </cell>
          <cell r="F226">
            <v>29263.4</v>
          </cell>
        </row>
        <row r="227">
          <cell r="A227" t="str">
            <v>EDU/00013.01.01</v>
          </cell>
          <cell r="B227">
            <v>808</v>
          </cell>
          <cell r="F227">
            <v>808</v>
          </cell>
        </row>
        <row r="228">
          <cell r="A228" t="str">
            <v>EDU/00013.03.01</v>
          </cell>
          <cell r="B228">
            <v>4308.22</v>
          </cell>
          <cell r="F228">
            <v>4308.22</v>
          </cell>
        </row>
        <row r="229">
          <cell r="A229" t="str">
            <v>EDU/00013.04.01</v>
          </cell>
          <cell r="B229">
            <v>22253.52</v>
          </cell>
          <cell r="C229">
            <v>2890.87</v>
          </cell>
          <cell r="F229">
            <v>25144.39</v>
          </cell>
        </row>
        <row r="230">
          <cell r="A230" t="str">
            <v>EDU/00013.05.01</v>
          </cell>
          <cell r="C230">
            <v>500</v>
          </cell>
          <cell r="F230">
            <v>500</v>
          </cell>
        </row>
        <row r="231">
          <cell r="A231" t="str">
            <v>EDU/00013.06.01</v>
          </cell>
          <cell r="B231">
            <v>170437.9</v>
          </cell>
          <cell r="C231">
            <v>4713.8500000000004</v>
          </cell>
          <cell r="F231">
            <v>175151.75</v>
          </cell>
        </row>
        <row r="232">
          <cell r="A232" t="str">
            <v>EDU/00013.08.01</v>
          </cell>
          <cell r="B232">
            <v>4714.6000000000004</v>
          </cell>
          <cell r="C232">
            <v>1139.3599999999999</v>
          </cell>
          <cell r="F232">
            <v>5853.96</v>
          </cell>
        </row>
        <row r="233">
          <cell r="A233" t="str">
            <v>EDU/00013.14.01</v>
          </cell>
          <cell r="B233">
            <v>54960</v>
          </cell>
          <cell r="C233">
            <v>1413.85</v>
          </cell>
          <cell r="F233">
            <v>56373.85</v>
          </cell>
        </row>
        <row r="234">
          <cell r="A234" t="str">
            <v>EDU/00013.15.01</v>
          </cell>
          <cell r="B234">
            <v>1600</v>
          </cell>
          <cell r="F234">
            <v>1600</v>
          </cell>
        </row>
        <row r="235">
          <cell r="A235" t="str">
            <v>EDU/00013.16.01</v>
          </cell>
          <cell r="C235">
            <v>19489.12</v>
          </cell>
          <cell r="D235">
            <v>7900.54</v>
          </cell>
          <cell r="F235">
            <v>27389.66</v>
          </cell>
        </row>
        <row r="236">
          <cell r="A236" t="str">
            <v>EDU/00013.20.01</v>
          </cell>
          <cell r="B236">
            <v>1243.94</v>
          </cell>
          <cell r="F236">
            <v>1243.94</v>
          </cell>
        </row>
        <row r="237">
          <cell r="A237" t="str">
            <v>EDU/00013.21.01</v>
          </cell>
          <cell r="B237">
            <v>3111</v>
          </cell>
          <cell r="F237">
            <v>3111</v>
          </cell>
        </row>
        <row r="238">
          <cell r="A238" t="str">
            <v>EDU/00013.22.01</v>
          </cell>
          <cell r="B238">
            <v>1048.1199999999999</v>
          </cell>
          <cell r="F238">
            <v>1048.1199999999999</v>
          </cell>
        </row>
        <row r="239">
          <cell r="A239" t="str">
            <v>EDU/00013.23.01</v>
          </cell>
          <cell r="B239">
            <v>700.56</v>
          </cell>
          <cell r="D239">
            <v>5810.6</v>
          </cell>
          <cell r="F239">
            <v>6511.16</v>
          </cell>
        </row>
        <row r="240">
          <cell r="A240" t="str">
            <v>EDU/00013.25.01</v>
          </cell>
          <cell r="C240">
            <v>2650</v>
          </cell>
          <cell r="D240">
            <v>90631.32</v>
          </cell>
          <cell r="E240">
            <v>1342.3</v>
          </cell>
          <cell r="F240">
            <v>94623.62</v>
          </cell>
        </row>
        <row r="241">
          <cell r="A241" t="str">
            <v>EDU/00013.26.01</v>
          </cell>
          <cell r="B241">
            <v>59388.74</v>
          </cell>
          <cell r="F241">
            <v>59388.74</v>
          </cell>
        </row>
        <row r="242">
          <cell r="A242" t="str">
            <v>EDU/00013.27.01</v>
          </cell>
          <cell r="B242">
            <v>5495.05</v>
          </cell>
          <cell r="F242">
            <v>5495.05</v>
          </cell>
        </row>
        <row r="243">
          <cell r="A243" t="str">
            <v>EDU/00013.32.01</v>
          </cell>
          <cell r="B243">
            <v>641.5</v>
          </cell>
          <cell r="F243">
            <v>641.5</v>
          </cell>
        </row>
        <row r="244">
          <cell r="A244" t="str">
            <v>EDU/00014.01.01</v>
          </cell>
          <cell r="B244">
            <v>61996.84</v>
          </cell>
          <cell r="C244">
            <v>90654.43</v>
          </cell>
          <cell r="F244">
            <v>152651.26999999999</v>
          </cell>
        </row>
        <row r="245">
          <cell r="A245" t="str">
            <v>EDU/00014.03.01</v>
          </cell>
          <cell r="B245">
            <v>55846.22</v>
          </cell>
          <cell r="F245">
            <v>55846.22</v>
          </cell>
        </row>
        <row r="246">
          <cell r="A246" t="str">
            <v>EDU/00014.04.01</v>
          </cell>
          <cell r="B246">
            <v>0</v>
          </cell>
          <cell r="F246">
            <v>0</v>
          </cell>
        </row>
        <row r="247">
          <cell r="A247" t="str">
            <v>EDU/00014.05.01</v>
          </cell>
          <cell r="B247">
            <v>6986</v>
          </cell>
          <cell r="F247">
            <v>6986</v>
          </cell>
        </row>
        <row r="248">
          <cell r="A248" t="str">
            <v>EDU/00015.02.01</v>
          </cell>
          <cell r="B248">
            <v>14750.76</v>
          </cell>
          <cell r="F248">
            <v>14750.76</v>
          </cell>
        </row>
        <row r="249">
          <cell r="A249" t="str">
            <v>EDU/00015.03.01</v>
          </cell>
          <cell r="B249">
            <v>909</v>
          </cell>
          <cell r="C249">
            <v>18496.900000000001</v>
          </cell>
          <cell r="F249">
            <v>19405.900000000001</v>
          </cell>
        </row>
        <row r="250">
          <cell r="A250" t="str">
            <v>EDU/00015.04.01</v>
          </cell>
          <cell r="B250">
            <v>6275.51</v>
          </cell>
          <cell r="C250">
            <v>34074.85</v>
          </cell>
          <cell r="F250">
            <v>40350.36</v>
          </cell>
        </row>
        <row r="251">
          <cell r="A251" t="str">
            <v>EDU/00015.05.01</v>
          </cell>
          <cell r="B251">
            <v>227274.11</v>
          </cell>
          <cell r="C251">
            <v>40275.9</v>
          </cell>
          <cell r="D251">
            <v>5698.18</v>
          </cell>
          <cell r="F251">
            <v>273248.19</v>
          </cell>
        </row>
        <row r="252">
          <cell r="A252" t="str">
            <v>EDU/00015.06.01</v>
          </cell>
          <cell r="B252">
            <v>18327.93</v>
          </cell>
          <cell r="C252">
            <v>111178.44</v>
          </cell>
          <cell r="D252">
            <v>13461.05</v>
          </cell>
          <cell r="E252">
            <v>3674.73</v>
          </cell>
          <cell r="F252">
            <v>146642.15</v>
          </cell>
        </row>
        <row r="253">
          <cell r="A253" t="str">
            <v>EDU/00015.07.01</v>
          </cell>
          <cell r="B253">
            <v>473.57000000000062</v>
          </cell>
          <cell r="C253">
            <v>80311.19</v>
          </cell>
          <cell r="D253">
            <v>8709.65</v>
          </cell>
          <cell r="E253">
            <v>6916.47</v>
          </cell>
          <cell r="F253">
            <v>96410.880000000005</v>
          </cell>
        </row>
        <row r="254">
          <cell r="A254" t="str">
            <v>EDU/00015.08.01</v>
          </cell>
          <cell r="C254">
            <v>157130.17000000001</v>
          </cell>
          <cell r="D254">
            <v>647.25</v>
          </cell>
          <cell r="F254">
            <v>157777.42000000001</v>
          </cell>
        </row>
        <row r="255">
          <cell r="A255" t="str">
            <v>EDU/00015.10.01</v>
          </cell>
          <cell r="B255">
            <v>6347</v>
          </cell>
          <cell r="C255">
            <v>5665.71</v>
          </cell>
          <cell r="D255">
            <v>394.54</v>
          </cell>
          <cell r="F255">
            <v>12407.25</v>
          </cell>
        </row>
        <row r="256">
          <cell r="A256" t="str">
            <v>EDU/00015.11.01</v>
          </cell>
          <cell r="C256">
            <v>2855</v>
          </cell>
          <cell r="F256">
            <v>2855</v>
          </cell>
        </row>
        <row r="257">
          <cell r="A257" t="str">
            <v>EDU/00015.12.01</v>
          </cell>
          <cell r="B257">
            <v>512</v>
          </cell>
          <cell r="F257">
            <v>512</v>
          </cell>
        </row>
        <row r="258">
          <cell r="A258" t="str">
            <v>EDU/00015.13.01</v>
          </cell>
          <cell r="B258">
            <v>1200</v>
          </cell>
          <cell r="C258">
            <v>24058</v>
          </cell>
          <cell r="F258">
            <v>25258</v>
          </cell>
        </row>
        <row r="259">
          <cell r="A259" t="str">
            <v>EDU/00015.14.01</v>
          </cell>
          <cell r="B259">
            <v>400</v>
          </cell>
          <cell r="F259">
            <v>400</v>
          </cell>
        </row>
        <row r="260">
          <cell r="A260" t="str">
            <v>EDU/00015.15.01</v>
          </cell>
          <cell r="B260">
            <v>19990.53</v>
          </cell>
          <cell r="F260">
            <v>19990.53</v>
          </cell>
        </row>
        <row r="261">
          <cell r="A261" t="str">
            <v>EDU/00015.16.01</v>
          </cell>
          <cell r="B261">
            <v>7117.06</v>
          </cell>
          <cell r="F261">
            <v>7117.06</v>
          </cell>
        </row>
        <row r="262">
          <cell r="A262" t="str">
            <v>EDU/00015.17.01</v>
          </cell>
          <cell r="B262">
            <v>41796.99</v>
          </cell>
          <cell r="F262">
            <v>41796.99</v>
          </cell>
        </row>
        <row r="263">
          <cell r="A263" t="str">
            <v>EDU/00015.18.01</v>
          </cell>
          <cell r="B263">
            <v>978.82</v>
          </cell>
          <cell r="F263">
            <v>978.82</v>
          </cell>
        </row>
        <row r="264">
          <cell r="A264" t="str">
            <v>EDU/00016.01.01</v>
          </cell>
          <cell r="B264">
            <v>976.8</v>
          </cell>
          <cell r="C264">
            <v>4862</v>
          </cell>
          <cell r="F264">
            <v>5838.8</v>
          </cell>
        </row>
        <row r="265">
          <cell r="A265" t="str">
            <v>EDU/00016.02.01</v>
          </cell>
          <cell r="C265">
            <v>58730.28</v>
          </cell>
          <cell r="F265">
            <v>58730.28</v>
          </cell>
        </row>
        <row r="266">
          <cell r="A266" t="str">
            <v>EDU/00016.03.01</v>
          </cell>
          <cell r="B266">
            <v>40215</v>
          </cell>
          <cell r="C266">
            <v>5125.2</v>
          </cell>
          <cell r="F266">
            <v>45340.2</v>
          </cell>
        </row>
        <row r="267">
          <cell r="A267" t="str">
            <v>EDU/00016.04.01</v>
          </cell>
          <cell r="C267">
            <v>65259.76</v>
          </cell>
          <cell r="F267">
            <v>65259.76</v>
          </cell>
        </row>
        <row r="268">
          <cell r="A268" t="str">
            <v>EDU/00017.01.01</v>
          </cell>
          <cell r="E268">
            <v>0</v>
          </cell>
          <cell r="F268">
            <v>0</v>
          </cell>
        </row>
        <row r="269">
          <cell r="A269" t="str">
            <v>EDU/00018.01.01</v>
          </cell>
          <cell r="C269">
            <v>2940</v>
          </cell>
          <cell r="D269">
            <v>192338.1</v>
          </cell>
          <cell r="E269">
            <v>341807.55</v>
          </cell>
          <cell r="F269">
            <v>537085.65</v>
          </cell>
        </row>
        <row r="270">
          <cell r="A270" t="str">
            <v>EDU/00018.02.01</v>
          </cell>
          <cell r="D270">
            <v>115664.98</v>
          </cell>
          <cell r="E270">
            <v>66210</v>
          </cell>
          <cell r="F270">
            <v>181874.98</v>
          </cell>
        </row>
        <row r="271">
          <cell r="A271" t="str">
            <v>EDU/00018.03.01</v>
          </cell>
          <cell r="C271">
            <v>6972</v>
          </cell>
          <cell r="D271">
            <v>138296.53</v>
          </cell>
          <cell r="E271">
            <v>135879.79</v>
          </cell>
          <cell r="F271">
            <v>281148.32</v>
          </cell>
        </row>
        <row r="272">
          <cell r="A272" t="str">
            <v>EDU/00018.04.01</v>
          </cell>
          <cell r="C272">
            <v>2850</v>
          </cell>
          <cell r="D272">
            <v>238248.41</v>
          </cell>
          <cell r="E272">
            <v>284720.06</v>
          </cell>
          <cell r="F272">
            <v>525818.47</v>
          </cell>
        </row>
        <row r="273">
          <cell r="A273" t="str">
            <v>EDU/00018.05.01</v>
          </cell>
          <cell r="C273">
            <v>98943.15</v>
          </cell>
          <cell r="D273">
            <v>2465.85</v>
          </cell>
          <cell r="F273">
            <v>101409</v>
          </cell>
        </row>
        <row r="274">
          <cell r="A274" t="str">
            <v>EDU/00018.06.01</v>
          </cell>
          <cell r="C274">
            <v>16078.18</v>
          </cell>
          <cell r="F274">
            <v>16078.18</v>
          </cell>
        </row>
        <row r="275">
          <cell r="A275" t="str">
            <v>EDU/00018.07.01</v>
          </cell>
          <cell r="C275">
            <v>12272.5</v>
          </cell>
          <cell r="D275">
            <v>209725.36</v>
          </cell>
          <cell r="E275">
            <v>4937.51</v>
          </cell>
          <cell r="F275">
            <v>226935.37</v>
          </cell>
        </row>
        <row r="276">
          <cell r="A276" t="str">
            <v>EDU/00018.08.01</v>
          </cell>
          <cell r="C276">
            <v>12062.6</v>
          </cell>
          <cell r="F276">
            <v>12062.6</v>
          </cell>
        </row>
        <row r="277">
          <cell r="A277" t="str">
            <v>EDU/00018.09.01</v>
          </cell>
          <cell r="C277">
            <v>9641.5</v>
          </cell>
          <cell r="F277">
            <v>9641.5</v>
          </cell>
        </row>
        <row r="278">
          <cell r="A278" t="str">
            <v>EDU/00018.10.01</v>
          </cell>
          <cell r="E278">
            <v>35</v>
          </cell>
          <cell r="F278">
            <v>35</v>
          </cell>
        </row>
        <row r="279">
          <cell r="A279" t="str">
            <v>EDU/00018.11.01</v>
          </cell>
          <cell r="C279">
            <v>20343.099999999999</v>
          </cell>
          <cell r="F279">
            <v>20343.099999999999</v>
          </cell>
        </row>
        <row r="280">
          <cell r="A280" t="str">
            <v>EDU/00018.12.01</v>
          </cell>
          <cell r="C280">
            <v>33942.6</v>
          </cell>
          <cell r="D280">
            <v>25443.57</v>
          </cell>
          <cell r="E280">
            <v>135</v>
          </cell>
          <cell r="F280">
            <v>59521.17</v>
          </cell>
        </row>
        <row r="281">
          <cell r="A281" t="str">
            <v>EDU/00018.13.01</v>
          </cell>
          <cell r="C281">
            <v>10000</v>
          </cell>
          <cell r="F281">
            <v>10000</v>
          </cell>
        </row>
        <row r="282">
          <cell r="A282" t="str">
            <v>EDU/00018.14.01</v>
          </cell>
          <cell r="D282">
            <v>23080</v>
          </cell>
          <cell r="F282">
            <v>23080</v>
          </cell>
        </row>
        <row r="283">
          <cell r="A283" t="str">
            <v>EDU/00019.02.01</v>
          </cell>
          <cell r="B283">
            <v>153392.98000000001</v>
          </cell>
          <cell r="F283">
            <v>153392.98000000001</v>
          </cell>
        </row>
        <row r="284">
          <cell r="A284" t="str">
            <v>EDU/00019.02.03</v>
          </cell>
          <cell r="B284">
            <v>0</v>
          </cell>
          <cell r="F284">
            <v>0</v>
          </cell>
        </row>
        <row r="285">
          <cell r="A285" t="str">
            <v>EDU/00020.01.01</v>
          </cell>
          <cell r="B285">
            <v>665881.46</v>
          </cell>
          <cell r="C285">
            <v>-37096.980000000003</v>
          </cell>
          <cell r="F285">
            <v>628784.48</v>
          </cell>
        </row>
        <row r="286">
          <cell r="A286" t="str">
            <v>EDU/00020.02.01</v>
          </cell>
          <cell r="C286">
            <v>333440.65999999997</v>
          </cell>
          <cell r="D286">
            <v>17838.28</v>
          </cell>
          <cell r="F286">
            <v>351278.94</v>
          </cell>
        </row>
        <row r="287">
          <cell r="A287" t="str">
            <v>EDU/00020.03.01</v>
          </cell>
          <cell r="C287">
            <v>13762.52</v>
          </cell>
          <cell r="D287">
            <v>2240</v>
          </cell>
          <cell r="E287">
            <v>99615.34</v>
          </cell>
          <cell r="F287">
            <v>115617.86</v>
          </cell>
        </row>
        <row r="288">
          <cell r="A288" t="str">
            <v>EDU/00020.04.01</v>
          </cell>
          <cell r="C288">
            <v>9693.27</v>
          </cell>
          <cell r="D288">
            <v>149597.17000000001</v>
          </cell>
          <cell r="E288">
            <v>13920.28</v>
          </cell>
          <cell r="F288">
            <v>173210.72</v>
          </cell>
        </row>
        <row r="289">
          <cell r="A289" t="str">
            <v>EDU/00020.05.01</v>
          </cell>
          <cell r="B289">
            <v>1600</v>
          </cell>
          <cell r="C289">
            <v>8625.36</v>
          </cell>
          <cell r="D289">
            <v>1590.75</v>
          </cell>
          <cell r="F289">
            <v>11816.11</v>
          </cell>
        </row>
        <row r="290">
          <cell r="A290" t="str">
            <v>EDU/00022.01.01</v>
          </cell>
          <cell r="C290">
            <v>42264.2</v>
          </cell>
          <cell r="D290">
            <v>215100.21</v>
          </cell>
          <cell r="E290">
            <v>2410184.02</v>
          </cell>
          <cell r="F290">
            <v>2667548.4300000002</v>
          </cell>
        </row>
        <row r="291">
          <cell r="A291" t="str">
            <v>EDU/00023.01.01</v>
          </cell>
          <cell r="C291">
            <v>50365.82</v>
          </cell>
          <cell r="D291">
            <v>147587.23000000001</v>
          </cell>
          <cell r="E291">
            <v>5017.4799999999996</v>
          </cell>
          <cell r="F291">
            <v>202970.53</v>
          </cell>
        </row>
        <row r="292">
          <cell r="A292" t="str">
            <v>EDU/00024.01.01</v>
          </cell>
          <cell r="B292">
            <v>90819.5</v>
          </cell>
          <cell r="C292">
            <v>242429.79</v>
          </cell>
          <cell r="D292">
            <v>568279.14</v>
          </cell>
          <cell r="E292">
            <v>5858105.0699999984</v>
          </cell>
          <cell r="F292">
            <v>6759633.4999999981</v>
          </cell>
        </row>
        <row r="293">
          <cell r="A293" t="str">
            <v>EDU/00025.01.02</v>
          </cell>
          <cell r="B293">
            <v>1.4551915228366852E-11</v>
          </cell>
          <cell r="C293">
            <v>-550</v>
          </cell>
          <cell r="D293">
            <v>550</v>
          </cell>
          <cell r="F293">
            <v>1.4097167877480388E-11</v>
          </cell>
        </row>
        <row r="294">
          <cell r="A294" t="str">
            <v>EDU/00025.02.01</v>
          </cell>
          <cell r="B294">
            <v>0</v>
          </cell>
          <cell r="C294">
            <v>550</v>
          </cell>
          <cell r="D294">
            <v>-550</v>
          </cell>
          <cell r="F294">
            <v>0</v>
          </cell>
        </row>
        <row r="295">
          <cell r="A295" t="str">
            <v>EDU/00026.01.01</v>
          </cell>
          <cell r="B295">
            <v>203026.55</v>
          </cell>
          <cell r="C295">
            <v>644427.61</v>
          </cell>
          <cell r="D295">
            <v>872748.89</v>
          </cell>
          <cell r="E295">
            <v>567705.9</v>
          </cell>
          <cell r="F295">
            <v>2287908.9500000002</v>
          </cell>
        </row>
        <row r="296">
          <cell r="A296" t="str">
            <v>EDU/00026.02.01</v>
          </cell>
          <cell r="C296">
            <v>27698</v>
          </cell>
          <cell r="D296">
            <v>19070</v>
          </cell>
          <cell r="E296">
            <v>2349.6</v>
          </cell>
          <cell r="F296">
            <v>49117.599999999999</v>
          </cell>
        </row>
        <row r="297">
          <cell r="A297" t="str">
            <v>EDU/00026.03.01</v>
          </cell>
          <cell r="E297">
            <v>5159331</v>
          </cell>
          <cell r="F297">
            <v>5159331</v>
          </cell>
        </row>
        <row r="298">
          <cell r="A298" t="str">
            <v>EDU/00026.04.01</v>
          </cell>
          <cell r="E298">
            <v>2431398.4300000002</v>
          </cell>
          <cell r="F298">
            <v>2431398.4300000002</v>
          </cell>
        </row>
        <row r="299">
          <cell r="A299" t="str">
            <v>EDU/00026.05.01</v>
          </cell>
          <cell r="E299">
            <v>667696.5</v>
          </cell>
          <cell r="F299">
            <v>667696.5</v>
          </cell>
        </row>
        <row r="300">
          <cell r="A300" t="str">
            <v>EDU/00028.01.01</v>
          </cell>
          <cell r="B300">
            <v>11665</v>
          </cell>
          <cell r="F300">
            <v>11665</v>
          </cell>
        </row>
        <row r="301">
          <cell r="A301" t="str">
            <v>EDU/00028.02.01</v>
          </cell>
          <cell r="B301">
            <v>27712.44</v>
          </cell>
          <cell r="F301">
            <v>27712.44</v>
          </cell>
        </row>
        <row r="302">
          <cell r="A302" t="str">
            <v>EDU/00028.03.01</v>
          </cell>
          <cell r="B302">
            <v>56633.87</v>
          </cell>
          <cell r="F302">
            <v>56633.87</v>
          </cell>
        </row>
        <row r="303">
          <cell r="A303" t="str">
            <v>EDU/00028.04.01</v>
          </cell>
          <cell r="B303">
            <v>63492.29</v>
          </cell>
          <cell r="F303">
            <v>63492.29</v>
          </cell>
        </row>
        <row r="304">
          <cell r="A304" t="str">
            <v>EDU/00028.05.01</v>
          </cell>
          <cell r="B304">
            <v>22667.1</v>
          </cell>
          <cell r="F304">
            <v>22667.1</v>
          </cell>
        </row>
        <row r="305">
          <cell r="A305" t="str">
            <v>EDU/00028.06.01</v>
          </cell>
          <cell r="B305">
            <v>51865.74</v>
          </cell>
          <cell r="F305">
            <v>51865.74</v>
          </cell>
        </row>
        <row r="306">
          <cell r="A306" t="str">
            <v>EDU/00028.07.01</v>
          </cell>
          <cell r="B306">
            <v>3966.15</v>
          </cell>
          <cell r="F306">
            <v>3966.15</v>
          </cell>
        </row>
        <row r="307">
          <cell r="A307" t="str">
            <v>EDU/00028.08.01</v>
          </cell>
          <cell r="B307">
            <v>23460.98</v>
          </cell>
          <cell r="F307">
            <v>23460.98</v>
          </cell>
        </row>
        <row r="308">
          <cell r="A308" t="str">
            <v>EDU/00028.09.01</v>
          </cell>
          <cell r="B308">
            <v>29758</v>
          </cell>
          <cell r="F308">
            <v>29758</v>
          </cell>
        </row>
        <row r="309">
          <cell r="A309" t="str">
            <v>EDU/00028.10.01</v>
          </cell>
          <cell r="B309">
            <v>29333.31</v>
          </cell>
          <cell r="F309">
            <v>29333.31</v>
          </cell>
        </row>
        <row r="310">
          <cell r="A310" t="str">
            <v>EDU/00028.11.01</v>
          </cell>
          <cell r="B310">
            <v>109914.24000000001</v>
          </cell>
          <cell r="F310">
            <v>109914.24000000001</v>
          </cell>
        </row>
        <row r="311">
          <cell r="A311" t="str">
            <v>EDU/00028.12.01</v>
          </cell>
          <cell r="B311">
            <v>18564.68</v>
          </cell>
          <cell r="F311">
            <v>18564.68</v>
          </cell>
        </row>
        <row r="312">
          <cell r="A312" t="str">
            <v>EDU/00028.14.01</v>
          </cell>
          <cell r="B312">
            <v>46515</v>
          </cell>
          <cell r="F312">
            <v>46515</v>
          </cell>
        </row>
        <row r="313">
          <cell r="A313" t="str">
            <v>EDU/00028.15.01</v>
          </cell>
          <cell r="B313">
            <v>85551.01</v>
          </cell>
          <cell r="F313">
            <v>85551.01</v>
          </cell>
        </row>
        <row r="314">
          <cell r="A314" t="str">
            <v>EDU/00028.16.01</v>
          </cell>
          <cell r="B314">
            <v>10305.32</v>
          </cell>
          <cell r="F314">
            <v>10305.32</v>
          </cell>
        </row>
        <row r="315">
          <cell r="A315" t="str">
            <v>EDU/00028.17.01</v>
          </cell>
          <cell r="B315">
            <v>52408</v>
          </cell>
          <cell r="F315">
            <v>52408</v>
          </cell>
        </row>
        <row r="316">
          <cell r="A316" t="str">
            <v>EDU/00028.18.01</v>
          </cell>
          <cell r="B316">
            <v>27667</v>
          </cell>
          <cell r="F316">
            <v>27667</v>
          </cell>
        </row>
        <row r="317">
          <cell r="A317" t="str">
            <v>EDU/00028.19.01</v>
          </cell>
          <cell r="B317">
            <v>51793.86</v>
          </cell>
          <cell r="F317">
            <v>51793.86</v>
          </cell>
        </row>
        <row r="318">
          <cell r="A318" t="str">
            <v>EDU/00028.20.01</v>
          </cell>
          <cell r="B318">
            <v>38653.050000000003</v>
          </cell>
          <cell r="F318">
            <v>38653.050000000003</v>
          </cell>
        </row>
        <row r="319">
          <cell r="A319" t="str">
            <v>EDU/00028.21.01</v>
          </cell>
          <cell r="B319">
            <v>64636.9</v>
          </cell>
          <cell r="F319">
            <v>64636.9</v>
          </cell>
        </row>
        <row r="320">
          <cell r="A320" t="str">
            <v>EDU/00028.22.01</v>
          </cell>
          <cell r="B320">
            <v>43950</v>
          </cell>
          <cell r="F320">
            <v>43950</v>
          </cell>
        </row>
        <row r="321">
          <cell r="A321" t="str">
            <v>EDU/00028.23.01</v>
          </cell>
          <cell r="B321">
            <v>28433</v>
          </cell>
          <cell r="F321">
            <v>28433</v>
          </cell>
        </row>
        <row r="322">
          <cell r="A322" t="str">
            <v>EDU/00028.24.01</v>
          </cell>
          <cell r="B322">
            <v>35015</v>
          </cell>
          <cell r="F322">
            <v>35015</v>
          </cell>
        </row>
        <row r="323">
          <cell r="A323" t="str">
            <v>EDU/00028.25.01</v>
          </cell>
          <cell r="B323">
            <v>87374.42</v>
          </cell>
          <cell r="F323">
            <v>87374.42</v>
          </cell>
        </row>
        <row r="324">
          <cell r="A324" t="str">
            <v>EDU/00028.26.01</v>
          </cell>
          <cell r="B324">
            <v>74701.279999999999</v>
          </cell>
          <cell r="F324">
            <v>74701.279999999999</v>
          </cell>
        </row>
        <row r="325">
          <cell r="A325" t="str">
            <v>EDU/00028.27.01</v>
          </cell>
          <cell r="B325">
            <v>29965.01</v>
          </cell>
          <cell r="F325">
            <v>29965.01</v>
          </cell>
        </row>
        <row r="326">
          <cell r="A326" t="str">
            <v>EDU/00028.28.01</v>
          </cell>
          <cell r="B326">
            <v>66531.710000000006</v>
          </cell>
          <cell r="F326">
            <v>66531.710000000006</v>
          </cell>
        </row>
        <row r="327">
          <cell r="A327" t="str">
            <v>EDU/00028.29.01</v>
          </cell>
          <cell r="B327">
            <v>13886.89</v>
          </cell>
          <cell r="F327">
            <v>13886.89</v>
          </cell>
        </row>
        <row r="328">
          <cell r="A328" t="str">
            <v>EDU/00028.30.01</v>
          </cell>
          <cell r="B328">
            <v>25952.1</v>
          </cell>
          <cell r="F328">
            <v>25952.1</v>
          </cell>
        </row>
        <row r="329">
          <cell r="A329" t="str">
            <v>EDU/00028.31.01</v>
          </cell>
          <cell r="B329">
            <v>5314</v>
          </cell>
          <cell r="F329">
            <v>5314</v>
          </cell>
        </row>
        <row r="330">
          <cell r="A330" t="str">
            <v>EDU/00028.32.01</v>
          </cell>
          <cell r="B330">
            <v>85313.95</v>
          </cell>
          <cell r="F330">
            <v>85313.95</v>
          </cell>
        </row>
        <row r="331">
          <cell r="A331" t="str">
            <v>EDU/00028.33.01</v>
          </cell>
          <cell r="B331">
            <v>2000</v>
          </cell>
          <cell r="F331">
            <v>2000</v>
          </cell>
        </row>
        <row r="332">
          <cell r="A332" t="str">
            <v>EDU/00028.34.01</v>
          </cell>
          <cell r="B332">
            <v>42748.86</v>
          </cell>
          <cell r="F332">
            <v>42748.86</v>
          </cell>
        </row>
        <row r="333">
          <cell r="A333" t="str">
            <v>EDU/00028.35.01</v>
          </cell>
          <cell r="B333">
            <v>47226</v>
          </cell>
          <cell r="F333">
            <v>47226</v>
          </cell>
        </row>
        <row r="334">
          <cell r="A334" t="str">
            <v>EDU/00028.36.01</v>
          </cell>
          <cell r="B334">
            <v>124629.92</v>
          </cell>
          <cell r="F334">
            <v>124629.92</v>
          </cell>
        </row>
        <row r="335">
          <cell r="A335" t="str">
            <v>EDU/00028.37.01</v>
          </cell>
          <cell r="B335">
            <v>10039.040000000001</v>
          </cell>
          <cell r="F335">
            <v>10039.040000000001</v>
          </cell>
        </row>
        <row r="336">
          <cell r="A336" t="str">
            <v>EDU/00028.38.01</v>
          </cell>
          <cell r="B336">
            <v>29445</v>
          </cell>
          <cell r="F336">
            <v>29445</v>
          </cell>
        </row>
        <row r="337">
          <cell r="A337" t="str">
            <v>EDU/00028.39.01</v>
          </cell>
          <cell r="B337">
            <v>41055.410000000003</v>
          </cell>
          <cell r="F337">
            <v>41055.410000000003</v>
          </cell>
        </row>
        <row r="338">
          <cell r="A338" t="str">
            <v>EDU/00028.40.01</v>
          </cell>
          <cell r="B338">
            <v>22344</v>
          </cell>
          <cell r="F338">
            <v>22344</v>
          </cell>
        </row>
        <row r="339">
          <cell r="A339" t="str">
            <v>EDU/00028.41.01</v>
          </cell>
          <cell r="B339">
            <v>35789.29</v>
          </cell>
          <cell r="F339">
            <v>35789.29</v>
          </cell>
        </row>
        <row r="340">
          <cell r="A340" t="str">
            <v>EDU/00028.42.01</v>
          </cell>
          <cell r="B340">
            <v>54501.15</v>
          </cell>
          <cell r="F340">
            <v>54501.15</v>
          </cell>
        </row>
        <row r="341">
          <cell r="A341" t="str">
            <v>EDU/00028.43.01</v>
          </cell>
          <cell r="B341">
            <v>9635</v>
          </cell>
          <cell r="F341">
            <v>9635</v>
          </cell>
        </row>
        <row r="342">
          <cell r="A342" t="str">
            <v>EDU/00028.44.01</v>
          </cell>
          <cell r="B342">
            <v>19737.86</v>
          </cell>
          <cell r="F342">
            <v>19737.86</v>
          </cell>
        </row>
        <row r="343">
          <cell r="A343" t="str">
            <v>EDU/00028.45.01</v>
          </cell>
          <cell r="B343">
            <v>8365.7000000000007</v>
          </cell>
          <cell r="F343">
            <v>8365.7000000000007</v>
          </cell>
        </row>
        <row r="344">
          <cell r="A344" t="str">
            <v>EDU/00028.46.01</v>
          </cell>
          <cell r="B344">
            <v>18049.55</v>
          </cell>
          <cell r="F344">
            <v>18049.55</v>
          </cell>
        </row>
        <row r="345">
          <cell r="A345" t="str">
            <v>EDU/00028.47.01</v>
          </cell>
          <cell r="B345">
            <v>29970.58</v>
          </cell>
          <cell r="F345">
            <v>29970.58</v>
          </cell>
        </row>
        <row r="346">
          <cell r="A346" t="str">
            <v>EDU/00028.48.01</v>
          </cell>
          <cell r="B346">
            <v>21235.68</v>
          </cell>
          <cell r="F346">
            <v>21235.68</v>
          </cell>
        </row>
        <row r="347">
          <cell r="A347" t="str">
            <v>EDU/00028.49.01</v>
          </cell>
          <cell r="B347">
            <v>0</v>
          </cell>
          <cell r="F347">
            <v>0</v>
          </cell>
        </row>
        <row r="348">
          <cell r="A348" t="str">
            <v>EDU/00028.50.01</v>
          </cell>
          <cell r="B348">
            <v>13313.83</v>
          </cell>
          <cell r="F348">
            <v>13313.83</v>
          </cell>
        </row>
        <row r="349">
          <cell r="A349" t="str">
            <v>EDU/00028.51.01</v>
          </cell>
          <cell r="B349">
            <v>13257.73</v>
          </cell>
          <cell r="F349">
            <v>13257.73</v>
          </cell>
        </row>
        <row r="350">
          <cell r="A350" t="str">
            <v>EDU/00028.52.01</v>
          </cell>
          <cell r="B350">
            <v>100885.6</v>
          </cell>
          <cell r="F350">
            <v>100885.6</v>
          </cell>
        </row>
        <row r="351">
          <cell r="A351" t="str">
            <v>EDU/00028.53.01</v>
          </cell>
          <cell r="B351">
            <v>27524</v>
          </cell>
          <cell r="F351">
            <v>27524</v>
          </cell>
        </row>
        <row r="352">
          <cell r="A352" t="str">
            <v>EDU/00028.55.01</v>
          </cell>
          <cell r="B352">
            <v>6151.52</v>
          </cell>
          <cell r="F352">
            <v>6151.52</v>
          </cell>
        </row>
        <row r="353">
          <cell r="A353" t="str">
            <v>EDU/00029.01.01</v>
          </cell>
          <cell r="B353">
            <v>903241.28</v>
          </cell>
          <cell r="F353">
            <v>903241.28</v>
          </cell>
        </row>
        <row r="354">
          <cell r="A354" t="str">
            <v>EDU/00029.02.01</v>
          </cell>
          <cell r="B354">
            <v>234686.59</v>
          </cell>
          <cell r="F354">
            <v>234686.59</v>
          </cell>
        </row>
        <row r="355">
          <cell r="A355" t="str">
            <v>EDU/00029.03.01</v>
          </cell>
          <cell r="B355">
            <v>71487.47</v>
          </cell>
          <cell r="F355">
            <v>71487.47</v>
          </cell>
        </row>
        <row r="356">
          <cell r="A356" t="str">
            <v>EDU/00029.04.01</v>
          </cell>
          <cell r="B356">
            <v>191692.52</v>
          </cell>
          <cell r="F356">
            <v>191692.52</v>
          </cell>
        </row>
        <row r="357">
          <cell r="A357" t="str">
            <v>EDU/00029.06.01</v>
          </cell>
          <cell r="B357">
            <v>115797.14</v>
          </cell>
          <cell r="F357">
            <v>115797.14</v>
          </cell>
        </row>
        <row r="358">
          <cell r="A358" t="str">
            <v>EDU/00029.07.01</v>
          </cell>
          <cell r="B358">
            <v>171244</v>
          </cell>
          <cell r="F358">
            <v>171244</v>
          </cell>
        </row>
        <row r="359">
          <cell r="A359" t="str">
            <v>EDU/00029.08.01</v>
          </cell>
          <cell r="B359">
            <v>89511.24</v>
          </cell>
          <cell r="F359">
            <v>89511.24</v>
          </cell>
        </row>
        <row r="360">
          <cell r="A360" t="str">
            <v>EDU/00029.09.01</v>
          </cell>
          <cell r="B360">
            <v>220470.2</v>
          </cell>
          <cell r="F360">
            <v>220470.2</v>
          </cell>
        </row>
        <row r="361">
          <cell r="A361" t="str">
            <v>EDU/00029.10.01</v>
          </cell>
          <cell r="B361">
            <v>2186911.0699999998</v>
          </cell>
          <cell r="F361">
            <v>2186911.0699999998</v>
          </cell>
        </row>
        <row r="362">
          <cell r="A362" t="str">
            <v>EDU/00029.11.01</v>
          </cell>
          <cell r="B362">
            <v>295913.96999999997</v>
          </cell>
          <cell r="F362">
            <v>295913.96999999997</v>
          </cell>
        </row>
        <row r="363">
          <cell r="A363" t="str">
            <v>EDU/00029.12.01</v>
          </cell>
          <cell r="B363">
            <v>439364.64</v>
          </cell>
          <cell r="F363">
            <v>439364.64</v>
          </cell>
        </row>
        <row r="364">
          <cell r="A364" t="str">
            <v>EDU/00029.13.01</v>
          </cell>
          <cell r="B364">
            <v>224959.57</v>
          </cell>
          <cell r="F364">
            <v>224959.57</v>
          </cell>
        </row>
        <row r="365">
          <cell r="A365" t="str">
            <v>EDU/00030.01.01</v>
          </cell>
          <cell r="B365">
            <v>19189</v>
          </cell>
          <cell r="F365">
            <v>19189</v>
          </cell>
        </row>
        <row r="366">
          <cell r="A366" t="str">
            <v>EDU/00030.02.01</v>
          </cell>
          <cell r="B366">
            <v>8245.73</v>
          </cell>
          <cell r="F366">
            <v>8245.73</v>
          </cell>
        </row>
        <row r="367">
          <cell r="A367" t="str">
            <v>EDU/00030.03.01</v>
          </cell>
          <cell r="B367">
            <v>6389.84</v>
          </cell>
          <cell r="F367">
            <v>6389.84</v>
          </cell>
        </row>
        <row r="368">
          <cell r="A368" t="str">
            <v>EDU/00030.04.01</v>
          </cell>
          <cell r="B368">
            <v>5867.2</v>
          </cell>
          <cell r="F368">
            <v>5867.2</v>
          </cell>
        </row>
        <row r="369">
          <cell r="A369" t="str">
            <v>EDU/00031.01.01</v>
          </cell>
          <cell r="B369">
            <v>8955.09</v>
          </cell>
          <cell r="F369">
            <v>8955.09</v>
          </cell>
        </row>
        <row r="370">
          <cell r="A370" t="str">
            <v>EDU/00031.02.01</v>
          </cell>
          <cell r="B370">
            <v>9744.77</v>
          </cell>
          <cell r="F370">
            <v>9744.77</v>
          </cell>
        </row>
        <row r="371">
          <cell r="A371" t="str">
            <v>EDU/00031.03.01</v>
          </cell>
          <cell r="B371">
            <v>40968</v>
          </cell>
          <cell r="F371">
            <v>40968</v>
          </cell>
        </row>
        <row r="372">
          <cell r="A372" t="str">
            <v>EDU/00031.04.01</v>
          </cell>
          <cell r="B372">
            <v>109377.99</v>
          </cell>
          <cell r="F372">
            <v>109377.99</v>
          </cell>
        </row>
        <row r="373">
          <cell r="A373" t="str">
            <v>EDU/00033.01.01</v>
          </cell>
          <cell r="C373">
            <v>37610.870000000003</v>
          </cell>
          <cell r="D373">
            <v>19943.349999999999</v>
          </cell>
          <cell r="F373">
            <v>57554.22</v>
          </cell>
        </row>
        <row r="374">
          <cell r="A374" t="str">
            <v>EDU/00033.02.01</v>
          </cell>
          <cell r="C374">
            <v>58285.1</v>
          </cell>
          <cell r="D374">
            <v>56988.25</v>
          </cell>
          <cell r="F374">
            <v>115273.35</v>
          </cell>
        </row>
        <row r="375">
          <cell r="A375" t="str">
            <v>EDU/00033.03.01</v>
          </cell>
          <cell r="C375">
            <v>44946.97</v>
          </cell>
          <cell r="D375">
            <v>1478</v>
          </cell>
          <cell r="F375">
            <v>46424.97</v>
          </cell>
        </row>
        <row r="376">
          <cell r="A376" t="str">
            <v>EDU/00033.04.01</v>
          </cell>
          <cell r="C376">
            <v>27297.919999999998</v>
          </cell>
          <cell r="D376">
            <v>61469</v>
          </cell>
          <cell r="F376">
            <v>88766.92</v>
          </cell>
        </row>
        <row r="377">
          <cell r="A377" t="str">
            <v>EDU/00033.05.01</v>
          </cell>
          <cell r="C377">
            <v>33140.25</v>
          </cell>
          <cell r="D377">
            <v>37374.51</v>
          </cell>
          <cell r="F377">
            <v>70514.759999999995</v>
          </cell>
        </row>
        <row r="378">
          <cell r="A378" t="str">
            <v>EDU/00033.06.01</v>
          </cell>
          <cell r="C378">
            <v>4987.8</v>
          </cell>
          <cell r="D378">
            <v>45140.42</v>
          </cell>
          <cell r="F378">
            <v>50128.22</v>
          </cell>
        </row>
        <row r="379">
          <cell r="A379" t="str">
            <v>EDU/00033.07.01</v>
          </cell>
          <cell r="C379">
            <v>20792.490000000002</v>
          </cell>
          <cell r="D379">
            <v>58639.86</v>
          </cell>
          <cell r="F379">
            <v>79432.350000000006</v>
          </cell>
        </row>
        <row r="380">
          <cell r="A380" t="str">
            <v>EDU/00033.08.01</v>
          </cell>
          <cell r="C380">
            <v>35917.879999999997</v>
          </cell>
          <cell r="F380">
            <v>35917.879999999997</v>
          </cell>
        </row>
        <row r="381">
          <cell r="A381" t="str">
            <v>EDU/00033.09.01</v>
          </cell>
          <cell r="C381">
            <v>66075.81</v>
          </cell>
          <cell r="D381">
            <v>62831.56</v>
          </cell>
          <cell r="F381">
            <v>128907.37</v>
          </cell>
        </row>
        <row r="382">
          <cell r="A382" t="str">
            <v>EDU/00033.10.01</v>
          </cell>
          <cell r="C382">
            <v>67946.22</v>
          </cell>
          <cell r="D382">
            <v>11988.75</v>
          </cell>
          <cell r="F382">
            <v>79934.97</v>
          </cell>
        </row>
        <row r="383">
          <cell r="A383" t="str">
            <v>EDU/00033.11.01</v>
          </cell>
          <cell r="C383">
            <v>78801</v>
          </cell>
          <cell r="F383">
            <v>78801</v>
          </cell>
        </row>
        <row r="384">
          <cell r="A384" t="str">
            <v>EDU/00033.12.01</v>
          </cell>
          <cell r="C384">
            <v>30270</v>
          </cell>
          <cell r="F384">
            <v>30270</v>
          </cell>
        </row>
        <row r="385">
          <cell r="A385" t="str">
            <v>EDU/00033.13.01</v>
          </cell>
          <cell r="C385">
            <v>20865.2</v>
          </cell>
          <cell r="D385">
            <v>61225</v>
          </cell>
          <cell r="F385">
            <v>82090.2</v>
          </cell>
        </row>
        <row r="386">
          <cell r="A386" t="str">
            <v>EDU/00033.14.01</v>
          </cell>
          <cell r="C386">
            <v>76416.5</v>
          </cell>
          <cell r="D386">
            <v>45798.559999999998</v>
          </cell>
          <cell r="F386">
            <v>122215.06</v>
          </cell>
        </row>
        <row r="387">
          <cell r="A387" t="str">
            <v>EDU/00033.15.01</v>
          </cell>
          <cell r="C387">
            <v>15158.97</v>
          </cell>
          <cell r="F387">
            <v>15158.97</v>
          </cell>
        </row>
        <row r="388">
          <cell r="A388" t="str">
            <v>EDU/00033.16.01</v>
          </cell>
          <cell r="C388">
            <v>5204.6499999999996</v>
          </cell>
          <cell r="D388">
            <v>17757.28</v>
          </cell>
          <cell r="F388">
            <v>22961.93</v>
          </cell>
        </row>
        <row r="389">
          <cell r="A389" t="str">
            <v>EDU/00033.17.01</v>
          </cell>
          <cell r="C389">
            <v>32174.9</v>
          </cell>
          <cell r="D389">
            <v>35709</v>
          </cell>
          <cell r="F389">
            <v>67883.899999999994</v>
          </cell>
        </row>
        <row r="390">
          <cell r="A390" t="str">
            <v>EDU/00033.18.01</v>
          </cell>
          <cell r="C390">
            <v>61222.78</v>
          </cell>
          <cell r="D390">
            <v>23939.69</v>
          </cell>
          <cell r="F390">
            <v>85162.47</v>
          </cell>
        </row>
        <row r="391">
          <cell r="A391" t="str">
            <v>EDU/00033.19.01</v>
          </cell>
          <cell r="C391">
            <v>51680.800000000003</v>
          </cell>
          <cell r="D391">
            <v>61058.39</v>
          </cell>
          <cell r="F391">
            <v>112739.19</v>
          </cell>
        </row>
        <row r="392">
          <cell r="A392" t="str">
            <v>EDU/00033.20.01</v>
          </cell>
          <cell r="C392">
            <v>0</v>
          </cell>
          <cell r="D392">
            <v>28183</v>
          </cell>
          <cell r="F392">
            <v>28183</v>
          </cell>
        </row>
        <row r="393">
          <cell r="A393" t="str">
            <v>EDU/00033.21.01</v>
          </cell>
          <cell r="C393">
            <v>85</v>
          </cell>
          <cell r="D393">
            <v>48588.65</v>
          </cell>
          <cell r="F393">
            <v>48673.65</v>
          </cell>
        </row>
        <row r="394">
          <cell r="A394" t="str">
            <v>EDU/00033.22.01</v>
          </cell>
          <cell r="C394">
            <v>32774.5</v>
          </cell>
          <cell r="D394">
            <v>53155.66</v>
          </cell>
          <cell r="F394">
            <v>85930.16</v>
          </cell>
        </row>
        <row r="395">
          <cell r="A395" t="str">
            <v>EDU/00033.23.01</v>
          </cell>
          <cell r="C395">
            <v>0</v>
          </cell>
          <cell r="D395">
            <v>29325.32</v>
          </cell>
          <cell r="F395">
            <v>29325.32</v>
          </cell>
        </row>
        <row r="396">
          <cell r="A396" t="str">
            <v>EDU/00033.24.01</v>
          </cell>
          <cell r="C396">
            <v>44459.519999999997</v>
          </cell>
          <cell r="F396">
            <v>44459.519999999997</v>
          </cell>
        </row>
        <row r="397">
          <cell r="A397" t="str">
            <v>EDU/00033.25.01</v>
          </cell>
          <cell r="C397">
            <v>15198.63</v>
          </cell>
          <cell r="D397">
            <v>14720</v>
          </cell>
          <cell r="F397">
            <v>29918.63</v>
          </cell>
        </row>
        <row r="398">
          <cell r="A398" t="str">
            <v>EDU/00033.26.01</v>
          </cell>
          <cell r="C398">
            <v>123857.09</v>
          </cell>
          <cell r="D398">
            <v>90655</v>
          </cell>
          <cell r="F398">
            <v>214512.09</v>
          </cell>
        </row>
        <row r="399">
          <cell r="A399" t="str">
            <v>EDU/00033.27.01</v>
          </cell>
          <cell r="C399">
            <v>40180.959999999999</v>
          </cell>
          <cell r="F399">
            <v>40180.959999999999</v>
          </cell>
        </row>
        <row r="400">
          <cell r="A400" t="str">
            <v>EDU/00033.28.01</v>
          </cell>
          <cell r="C400">
            <v>37598.03</v>
          </cell>
          <cell r="D400">
            <v>22004</v>
          </cell>
          <cell r="F400">
            <v>59602.03</v>
          </cell>
        </row>
        <row r="401">
          <cell r="A401" t="str">
            <v>EDU/00033.29.01</v>
          </cell>
          <cell r="C401">
            <v>13386.36</v>
          </cell>
          <cell r="D401">
            <v>207481.78</v>
          </cell>
          <cell r="F401">
            <v>220868.14</v>
          </cell>
        </row>
        <row r="402">
          <cell r="A402" t="str">
            <v>EDU/00033.30.01</v>
          </cell>
          <cell r="C402">
            <v>7394.81</v>
          </cell>
          <cell r="F402">
            <v>7394.81</v>
          </cell>
        </row>
        <row r="403">
          <cell r="A403" t="str">
            <v>EDU/00033.31.01</v>
          </cell>
          <cell r="C403">
            <v>48192.63</v>
          </cell>
          <cell r="D403">
            <v>10000</v>
          </cell>
          <cell r="F403">
            <v>58192.63</v>
          </cell>
        </row>
        <row r="404">
          <cell r="A404" t="str">
            <v>EDU/00033.32.01</v>
          </cell>
          <cell r="C404">
            <v>40739.269999999997</v>
          </cell>
          <cell r="D404">
            <v>37695</v>
          </cell>
          <cell r="F404">
            <v>78434.27</v>
          </cell>
        </row>
        <row r="405">
          <cell r="A405" t="str">
            <v>EDU/00033.33.01</v>
          </cell>
          <cell r="C405">
            <v>0</v>
          </cell>
          <cell r="F405">
            <v>0</v>
          </cell>
        </row>
        <row r="406">
          <cell r="A406" t="str">
            <v>EDU/00033.34.01</v>
          </cell>
          <cell r="C406">
            <v>0</v>
          </cell>
          <cell r="D406">
            <v>95938.93</v>
          </cell>
          <cell r="F406">
            <v>95938.93</v>
          </cell>
        </row>
        <row r="407">
          <cell r="A407" t="str">
            <v>EDU/00033.35.01</v>
          </cell>
          <cell r="C407">
            <v>41186.85</v>
          </cell>
          <cell r="D407">
            <v>15051</v>
          </cell>
          <cell r="F407">
            <v>56237.85</v>
          </cell>
        </row>
        <row r="408">
          <cell r="A408" t="str">
            <v>EDU/00033.36.01</v>
          </cell>
          <cell r="C408">
            <v>19995</v>
          </cell>
          <cell r="D408">
            <v>14300</v>
          </cell>
          <cell r="F408">
            <v>34295</v>
          </cell>
        </row>
        <row r="409">
          <cell r="A409" t="str">
            <v>EDU/00033.37.01</v>
          </cell>
          <cell r="C409">
            <v>37058.39</v>
          </cell>
          <cell r="D409">
            <v>15000</v>
          </cell>
          <cell r="F409">
            <v>52058.39</v>
          </cell>
        </row>
        <row r="410">
          <cell r="A410" t="str">
            <v>EDU/00033.38.01</v>
          </cell>
          <cell r="C410">
            <v>23327</v>
          </cell>
          <cell r="D410">
            <v>14845</v>
          </cell>
          <cell r="F410">
            <v>38172</v>
          </cell>
        </row>
        <row r="411">
          <cell r="A411" t="str">
            <v>EDU/00033.39.01</v>
          </cell>
          <cell r="C411">
            <v>48025.7</v>
          </cell>
          <cell r="F411">
            <v>48025.7</v>
          </cell>
        </row>
        <row r="412">
          <cell r="A412" t="str">
            <v>EDU/00033.40.01</v>
          </cell>
          <cell r="C412">
            <v>38351.26</v>
          </cell>
          <cell r="D412">
            <v>12934</v>
          </cell>
          <cell r="F412">
            <v>51285.26</v>
          </cell>
        </row>
        <row r="413">
          <cell r="A413" t="str">
            <v>EDU/00033.41.01</v>
          </cell>
          <cell r="C413">
            <v>55791.02</v>
          </cell>
          <cell r="D413">
            <v>12477</v>
          </cell>
          <cell r="F413">
            <v>68268.02</v>
          </cell>
        </row>
        <row r="414">
          <cell r="A414" t="str">
            <v>EDU/00033.42.01</v>
          </cell>
          <cell r="C414">
            <v>94832.92</v>
          </cell>
          <cell r="D414">
            <v>9975.7999999999993</v>
          </cell>
          <cell r="F414">
            <v>104808.72</v>
          </cell>
        </row>
        <row r="415">
          <cell r="A415" t="str">
            <v>EDU/00033.43.01</v>
          </cell>
          <cell r="C415">
            <v>99054.52</v>
          </cell>
          <cell r="D415">
            <v>64725.24</v>
          </cell>
          <cell r="F415">
            <v>163779.76</v>
          </cell>
        </row>
        <row r="416">
          <cell r="A416" t="str">
            <v>EDU/00033.44.01</v>
          </cell>
          <cell r="C416">
            <v>0</v>
          </cell>
          <cell r="F416">
            <v>0</v>
          </cell>
        </row>
        <row r="417">
          <cell r="A417" t="str">
            <v>EDU/00033.45.01</v>
          </cell>
          <cell r="C417">
            <v>7527.23</v>
          </cell>
          <cell r="D417">
            <v>99327.07</v>
          </cell>
          <cell r="F417">
            <v>106854.3</v>
          </cell>
        </row>
        <row r="418">
          <cell r="A418" t="str">
            <v>EDU/00033.46.01</v>
          </cell>
          <cell r="C418">
            <v>14833.5</v>
          </cell>
          <cell r="F418">
            <v>14833.5</v>
          </cell>
        </row>
        <row r="419">
          <cell r="A419" t="str">
            <v>EDU/00033.47.01</v>
          </cell>
          <cell r="C419">
            <v>34427.49</v>
          </cell>
          <cell r="F419">
            <v>34427.49</v>
          </cell>
        </row>
        <row r="420">
          <cell r="A420" t="str">
            <v>EDU/00033.48.01</v>
          </cell>
          <cell r="C420">
            <v>20077.98</v>
          </cell>
          <cell r="F420">
            <v>20077.98</v>
          </cell>
        </row>
        <row r="421">
          <cell r="A421" t="str">
            <v>EDU/00033.49.01</v>
          </cell>
          <cell r="C421">
            <v>44664</v>
          </cell>
          <cell r="D421">
            <v>7892</v>
          </cell>
          <cell r="F421">
            <v>52556</v>
          </cell>
        </row>
        <row r="422">
          <cell r="A422" t="str">
            <v>EDU/00033.50.01</v>
          </cell>
          <cell r="D422">
            <v>11815.77</v>
          </cell>
          <cell r="F422">
            <v>11815.77</v>
          </cell>
        </row>
        <row r="423">
          <cell r="A423" t="str">
            <v>EDU/00033.51.01</v>
          </cell>
          <cell r="C423">
            <v>86449.32</v>
          </cell>
          <cell r="D423">
            <v>48197</v>
          </cell>
          <cell r="F423">
            <v>134646.32</v>
          </cell>
        </row>
        <row r="424">
          <cell r="A424" t="str">
            <v>EDU/00033.52.01</v>
          </cell>
          <cell r="C424">
            <v>46875.3</v>
          </cell>
          <cell r="F424">
            <v>46875.3</v>
          </cell>
        </row>
        <row r="425">
          <cell r="A425" t="str">
            <v>EDU/00033.53.01</v>
          </cell>
          <cell r="C425">
            <v>0</v>
          </cell>
          <cell r="D425">
            <v>10688.33</v>
          </cell>
          <cell r="F425">
            <v>10688.33</v>
          </cell>
        </row>
        <row r="426">
          <cell r="A426" t="str">
            <v>EDU/00033.54.01</v>
          </cell>
          <cell r="C426">
            <v>30592.1</v>
          </cell>
          <cell r="D426">
            <v>17195.25</v>
          </cell>
          <cell r="F426">
            <v>47787.35</v>
          </cell>
        </row>
        <row r="427">
          <cell r="A427" t="str">
            <v>EDU/00033.55.01</v>
          </cell>
          <cell r="C427">
            <v>24419.49</v>
          </cell>
          <cell r="D427">
            <v>25221</v>
          </cell>
          <cell r="F427">
            <v>49640.49</v>
          </cell>
        </row>
        <row r="428">
          <cell r="A428" t="str">
            <v>EDU/00033.56.01</v>
          </cell>
          <cell r="C428">
            <v>5524.84</v>
          </cell>
          <cell r="D428">
            <v>9574</v>
          </cell>
          <cell r="F428">
            <v>15098.84</v>
          </cell>
        </row>
        <row r="429">
          <cell r="A429" t="str">
            <v>EDU/00034.01.01</v>
          </cell>
          <cell r="C429">
            <v>79517.440000000002</v>
          </cell>
          <cell r="D429">
            <v>47360.24</v>
          </cell>
          <cell r="F429">
            <v>126877.68</v>
          </cell>
        </row>
        <row r="430">
          <cell r="A430" t="str">
            <v>EDU/00034.02.01</v>
          </cell>
          <cell r="C430">
            <v>144422.79</v>
          </cell>
          <cell r="D430">
            <v>191186.19</v>
          </cell>
          <cell r="F430">
            <v>335608.98</v>
          </cell>
        </row>
        <row r="431">
          <cell r="A431" t="str">
            <v>EDU/00034.03.01</v>
          </cell>
          <cell r="C431">
            <v>33221.599999999999</v>
          </cell>
          <cell r="D431">
            <v>13310.78</v>
          </cell>
          <cell r="F431">
            <v>46532.38</v>
          </cell>
        </row>
        <row r="432">
          <cell r="A432" t="str">
            <v>EDU/00034.04.01</v>
          </cell>
          <cell r="C432">
            <v>57910.1</v>
          </cell>
          <cell r="D432">
            <v>3601.92</v>
          </cell>
          <cell r="F432">
            <v>61512.02</v>
          </cell>
        </row>
        <row r="433">
          <cell r="A433" t="str">
            <v>EDU/00034.06.01</v>
          </cell>
          <cell r="C433">
            <v>61907.4</v>
          </cell>
          <cell r="D433">
            <v>240308</v>
          </cell>
          <cell r="F433">
            <v>302215.40000000002</v>
          </cell>
        </row>
        <row r="434">
          <cell r="A434" t="str">
            <v>EDU/00034.07.01</v>
          </cell>
          <cell r="C434">
            <v>181084.01</v>
          </cell>
          <cell r="D434">
            <v>114624.56</v>
          </cell>
          <cell r="F434">
            <v>295708.57</v>
          </cell>
        </row>
        <row r="435">
          <cell r="A435" t="str">
            <v>EDU/00034.08.01</v>
          </cell>
          <cell r="C435">
            <v>5000</v>
          </cell>
          <cell r="D435">
            <v>193829.43</v>
          </cell>
          <cell r="F435">
            <v>198829.43</v>
          </cell>
        </row>
        <row r="436">
          <cell r="A436" t="str">
            <v>EDU/00034.09.01</v>
          </cell>
          <cell r="C436">
            <v>653289.26</v>
          </cell>
          <cell r="D436">
            <v>133591.97</v>
          </cell>
          <cell r="F436">
            <v>786881.23</v>
          </cell>
        </row>
        <row r="437">
          <cell r="A437" t="str">
            <v>EDU/00034.10.01</v>
          </cell>
          <cell r="C437">
            <v>1171078.05</v>
          </cell>
          <cell r="D437">
            <v>709632.66</v>
          </cell>
          <cell r="F437">
            <v>1880710.71</v>
          </cell>
        </row>
        <row r="438">
          <cell r="A438" t="str">
            <v>EDU/00034.11.01</v>
          </cell>
          <cell r="C438">
            <v>887996.58</v>
          </cell>
          <cell r="D438">
            <v>389472</v>
          </cell>
          <cell r="F438">
            <v>1277468.58</v>
          </cell>
        </row>
        <row r="439">
          <cell r="A439" t="str">
            <v>EDU/00034.12.01</v>
          </cell>
          <cell r="C439">
            <v>16783.89</v>
          </cell>
          <cell r="F439">
            <v>16783.89</v>
          </cell>
        </row>
        <row r="440">
          <cell r="A440" t="str">
            <v>EDU/00034.13.01</v>
          </cell>
          <cell r="C440">
            <v>83041.05</v>
          </cell>
          <cell r="D440">
            <v>24773</v>
          </cell>
          <cell r="F440">
            <v>107814.05</v>
          </cell>
        </row>
        <row r="441">
          <cell r="A441" t="str">
            <v>EDU/00035.01.01</v>
          </cell>
          <cell r="C441">
            <v>39565</v>
          </cell>
          <cell r="F441">
            <v>39565</v>
          </cell>
        </row>
        <row r="442">
          <cell r="A442" t="str">
            <v>EDU/00035.02.01</v>
          </cell>
          <cell r="C442">
            <v>7334.27</v>
          </cell>
          <cell r="F442">
            <v>7334.27</v>
          </cell>
        </row>
        <row r="443">
          <cell r="A443" t="str">
            <v>EDU/00035.03.01</v>
          </cell>
          <cell r="C443">
            <v>45062.83</v>
          </cell>
          <cell r="F443">
            <v>45062.83</v>
          </cell>
        </row>
        <row r="444">
          <cell r="A444" t="str">
            <v>EDU/00035.04.01</v>
          </cell>
          <cell r="C444">
            <v>36764.18</v>
          </cell>
          <cell r="D444">
            <v>46329.95</v>
          </cell>
          <cell r="F444">
            <v>83094.13</v>
          </cell>
        </row>
        <row r="445">
          <cell r="A445" t="str">
            <v>EDU/00036.01.01</v>
          </cell>
          <cell r="C445">
            <v>86550.5</v>
          </cell>
          <cell r="D445">
            <v>12874</v>
          </cell>
          <cell r="F445">
            <v>99424.5</v>
          </cell>
        </row>
        <row r="446">
          <cell r="A446" t="str">
            <v>EDU/00036.02.01</v>
          </cell>
          <cell r="C446">
            <v>43104.98</v>
          </cell>
          <cell r="D446">
            <v>10362.39</v>
          </cell>
          <cell r="F446">
            <v>53467.37</v>
          </cell>
        </row>
        <row r="447">
          <cell r="A447" t="str">
            <v>EDU/00036.03.01</v>
          </cell>
          <cell r="C447">
            <v>0</v>
          </cell>
          <cell r="D447">
            <v>143910</v>
          </cell>
          <cell r="F447">
            <v>143910</v>
          </cell>
        </row>
        <row r="448">
          <cell r="A448" t="str">
            <v>EDU/00036.04.01</v>
          </cell>
          <cell r="C448">
            <v>25811.74</v>
          </cell>
          <cell r="D448">
            <v>47369.53</v>
          </cell>
          <cell r="F448">
            <v>73181.27</v>
          </cell>
        </row>
        <row r="449">
          <cell r="A449" t="str">
            <v>EDU/00038.01.01</v>
          </cell>
          <cell r="D449">
            <v>22815</v>
          </cell>
          <cell r="F449">
            <v>22815</v>
          </cell>
        </row>
        <row r="450">
          <cell r="A450" t="str">
            <v>EDU/00038.03.01</v>
          </cell>
          <cell r="C450">
            <v>16330.59</v>
          </cell>
          <cell r="D450">
            <v>14301.44</v>
          </cell>
          <cell r="F450">
            <v>30632.03</v>
          </cell>
        </row>
        <row r="451">
          <cell r="A451" t="str">
            <v>EDU/00038.04.01</v>
          </cell>
          <cell r="C451">
            <v>21866.79</v>
          </cell>
          <cell r="F451">
            <v>21866.79</v>
          </cell>
        </row>
        <row r="452">
          <cell r="A452" t="str">
            <v>EDU/00038.06.01</v>
          </cell>
          <cell r="C452">
            <v>23698.58</v>
          </cell>
          <cell r="F452">
            <v>23698.58</v>
          </cell>
        </row>
        <row r="453">
          <cell r="A453" t="str">
            <v>EDU/00038.07.01</v>
          </cell>
          <cell r="D453">
            <v>22293.7</v>
          </cell>
          <cell r="F453">
            <v>22293.7</v>
          </cell>
        </row>
        <row r="454">
          <cell r="A454" t="str">
            <v>EDU/00038.08.01</v>
          </cell>
          <cell r="C454">
            <v>52890.080000000002</v>
          </cell>
          <cell r="D454">
            <v>34511.089999999997</v>
          </cell>
          <cell r="F454">
            <v>87401.17</v>
          </cell>
        </row>
        <row r="455">
          <cell r="A455" t="str">
            <v>EDU/00038.09.01</v>
          </cell>
          <cell r="C455">
            <v>1569.76</v>
          </cell>
          <cell r="D455">
            <v>17793.009999999998</v>
          </cell>
          <cell r="F455">
            <v>19362.77</v>
          </cell>
        </row>
        <row r="456">
          <cell r="A456" t="str">
            <v>EDU/00038.10.01</v>
          </cell>
          <cell r="C456">
            <v>19120.95</v>
          </cell>
          <cell r="D456">
            <v>18992.939999999999</v>
          </cell>
          <cell r="F456">
            <v>38113.89</v>
          </cell>
        </row>
        <row r="457">
          <cell r="A457" t="str">
            <v>EDU/00038.11.01</v>
          </cell>
          <cell r="C457">
            <v>21067.88</v>
          </cell>
          <cell r="F457">
            <v>21067.88</v>
          </cell>
        </row>
        <row r="458">
          <cell r="A458" t="str">
            <v>EDU/00038.12.01</v>
          </cell>
          <cell r="C458">
            <v>2968</v>
          </cell>
          <cell r="F458">
            <v>2968</v>
          </cell>
        </row>
        <row r="459">
          <cell r="A459" t="str">
            <v>EDU/00038.13.01</v>
          </cell>
          <cell r="C459">
            <v>15687.7</v>
          </cell>
          <cell r="D459">
            <v>12482.7</v>
          </cell>
          <cell r="F459">
            <v>28170.400000000001</v>
          </cell>
        </row>
        <row r="460">
          <cell r="A460" t="str">
            <v>EDU/00038.16.01</v>
          </cell>
          <cell r="C460">
            <v>42423.35</v>
          </cell>
          <cell r="D460">
            <v>28698.61</v>
          </cell>
          <cell r="F460">
            <v>71121.960000000006</v>
          </cell>
        </row>
        <row r="461">
          <cell r="A461" t="str">
            <v>EDU/00038.17.01</v>
          </cell>
          <cell r="C461">
            <v>21649.040000000001</v>
          </cell>
          <cell r="D461">
            <v>31681</v>
          </cell>
          <cell r="F461">
            <v>53330.04</v>
          </cell>
        </row>
        <row r="462">
          <cell r="A462" t="str">
            <v>EDU/00038.19.01</v>
          </cell>
          <cell r="C462">
            <v>14000</v>
          </cell>
          <cell r="F462">
            <v>14000</v>
          </cell>
        </row>
        <row r="463">
          <cell r="A463" t="str">
            <v>EDU/00038.20.01</v>
          </cell>
          <cell r="C463">
            <v>14384.55</v>
          </cell>
          <cell r="F463">
            <v>14384.55</v>
          </cell>
        </row>
        <row r="464">
          <cell r="A464" t="str">
            <v>EDU/00038.21.01</v>
          </cell>
          <cell r="C464">
            <v>2024.22</v>
          </cell>
          <cell r="D464">
            <v>13952.67</v>
          </cell>
          <cell r="F464">
            <v>15976.89</v>
          </cell>
        </row>
        <row r="465">
          <cell r="A465" t="str">
            <v>EDU/00038.22.01</v>
          </cell>
          <cell r="C465">
            <v>9737.2800000000007</v>
          </cell>
          <cell r="F465">
            <v>9737.2800000000007</v>
          </cell>
        </row>
        <row r="466">
          <cell r="A466" t="str">
            <v>EDU/00038.23.01</v>
          </cell>
          <cell r="C466">
            <v>11429.84</v>
          </cell>
          <cell r="F466">
            <v>11429.84</v>
          </cell>
        </row>
        <row r="467">
          <cell r="A467" t="str">
            <v>EDU/00038.24.01</v>
          </cell>
          <cell r="C467">
            <v>6454</v>
          </cell>
          <cell r="D467">
            <v>20102.2</v>
          </cell>
          <cell r="F467">
            <v>26556.2</v>
          </cell>
        </row>
        <row r="468">
          <cell r="A468" t="str">
            <v>EDU/00038.25.01</v>
          </cell>
          <cell r="C468">
            <v>10000</v>
          </cell>
          <cell r="D468">
            <v>17801</v>
          </cell>
          <cell r="F468">
            <v>27801</v>
          </cell>
        </row>
        <row r="469">
          <cell r="A469" t="str">
            <v>EDU/00038.26.01</v>
          </cell>
          <cell r="C469">
            <v>41342.32</v>
          </cell>
          <cell r="D469">
            <v>20661.03</v>
          </cell>
          <cell r="F469">
            <v>62003.35</v>
          </cell>
        </row>
        <row r="470">
          <cell r="A470" t="str">
            <v>EDU/00038.27.01</v>
          </cell>
          <cell r="C470">
            <v>49500.77</v>
          </cell>
          <cell r="F470">
            <v>49500.77</v>
          </cell>
        </row>
        <row r="471">
          <cell r="A471" t="str">
            <v>EDU/00038.28.01</v>
          </cell>
          <cell r="C471">
            <v>46085</v>
          </cell>
          <cell r="F471">
            <v>46085</v>
          </cell>
        </row>
        <row r="472">
          <cell r="A472" t="str">
            <v>EDU/00038.29.01</v>
          </cell>
          <cell r="C472">
            <v>7976.84</v>
          </cell>
          <cell r="F472">
            <v>7976.84</v>
          </cell>
        </row>
        <row r="473">
          <cell r="A473" t="str">
            <v>EDU/00038.30.01</v>
          </cell>
          <cell r="C473">
            <v>8799.4</v>
          </cell>
          <cell r="F473">
            <v>8799.4</v>
          </cell>
        </row>
        <row r="474">
          <cell r="A474" t="str">
            <v>EDU/00038.31.01</v>
          </cell>
          <cell r="D474">
            <v>13782.79</v>
          </cell>
          <cell r="F474">
            <v>13782.79</v>
          </cell>
        </row>
        <row r="475">
          <cell r="A475" t="str">
            <v>EDU/00038.33.01</v>
          </cell>
          <cell r="C475">
            <v>34000</v>
          </cell>
          <cell r="F475">
            <v>34000</v>
          </cell>
        </row>
        <row r="476">
          <cell r="A476" t="str">
            <v>EDU/00038.34.01</v>
          </cell>
          <cell r="C476">
            <v>35818.06</v>
          </cell>
          <cell r="D476">
            <v>59024.62</v>
          </cell>
          <cell r="F476">
            <v>94842.68</v>
          </cell>
        </row>
        <row r="477">
          <cell r="A477" t="str">
            <v>EDU/00038.36.01</v>
          </cell>
          <cell r="C477">
            <v>5813.12</v>
          </cell>
          <cell r="F477">
            <v>5813.12</v>
          </cell>
        </row>
        <row r="478">
          <cell r="A478" t="str">
            <v>EDU/00038.37.01</v>
          </cell>
          <cell r="C478">
            <v>10393.14</v>
          </cell>
          <cell r="D478">
            <v>18454</v>
          </cell>
          <cell r="F478">
            <v>28847.14</v>
          </cell>
        </row>
        <row r="479">
          <cell r="A479" t="str">
            <v>EDU/00038.39.01</v>
          </cell>
          <cell r="C479">
            <v>9999.11</v>
          </cell>
          <cell r="F479">
            <v>9999.11</v>
          </cell>
        </row>
        <row r="480">
          <cell r="A480" t="str">
            <v>EDU/00038.40.01</v>
          </cell>
          <cell r="C480">
            <v>6160</v>
          </cell>
          <cell r="F480">
            <v>6160</v>
          </cell>
        </row>
        <row r="481">
          <cell r="A481" t="str">
            <v>EDU/00038.41.01</v>
          </cell>
          <cell r="C481">
            <v>14500.42</v>
          </cell>
          <cell r="D481">
            <v>23442.28</v>
          </cell>
          <cell r="F481">
            <v>37942.699999999997</v>
          </cell>
        </row>
        <row r="482">
          <cell r="A482" t="str">
            <v>EDU/00038.44.01</v>
          </cell>
          <cell r="C482">
            <v>26015</v>
          </cell>
          <cell r="D482">
            <v>14105.87</v>
          </cell>
          <cell r="F482">
            <v>40120.870000000003</v>
          </cell>
        </row>
        <row r="483">
          <cell r="A483" t="str">
            <v>EDU/00038.45.01</v>
          </cell>
          <cell r="C483">
            <v>14131.3</v>
          </cell>
          <cell r="F483">
            <v>14131.3</v>
          </cell>
        </row>
        <row r="484">
          <cell r="A484" t="str">
            <v>EDU/00038.46.01</v>
          </cell>
          <cell r="C484">
            <v>9735.92</v>
          </cell>
          <cell r="D484">
            <v>17224.490000000002</v>
          </cell>
          <cell r="F484">
            <v>26960.41</v>
          </cell>
        </row>
        <row r="485">
          <cell r="A485" t="str">
            <v>EDU/00038.47.01</v>
          </cell>
          <cell r="C485">
            <v>28660.46</v>
          </cell>
          <cell r="D485">
            <v>11770.41</v>
          </cell>
          <cell r="F485">
            <v>40430.870000000003</v>
          </cell>
        </row>
        <row r="486">
          <cell r="A486" t="str">
            <v>EDU/00038.48.01</v>
          </cell>
          <cell r="C486">
            <v>34291.15</v>
          </cell>
          <cell r="F486">
            <v>34291.15</v>
          </cell>
        </row>
        <row r="487">
          <cell r="A487" t="str">
            <v>EDU/00038.49.01</v>
          </cell>
          <cell r="C487">
            <v>28440.79</v>
          </cell>
          <cell r="F487">
            <v>28440.79</v>
          </cell>
        </row>
        <row r="488">
          <cell r="A488" t="str">
            <v>EDU/00038.51.01</v>
          </cell>
          <cell r="C488">
            <v>27023</v>
          </cell>
          <cell r="F488">
            <v>27023</v>
          </cell>
        </row>
        <row r="489">
          <cell r="A489" t="str">
            <v>EDU/00038.52.01</v>
          </cell>
          <cell r="C489">
            <v>13961.12</v>
          </cell>
          <cell r="D489">
            <v>16103.76</v>
          </cell>
          <cell r="F489">
            <v>30064.880000000001</v>
          </cell>
        </row>
        <row r="490">
          <cell r="A490" t="str">
            <v>EDU/00038.53.01</v>
          </cell>
          <cell r="C490">
            <v>19165.900000000001</v>
          </cell>
          <cell r="D490">
            <v>22209.15</v>
          </cell>
          <cell r="F490">
            <v>41375.050000000003</v>
          </cell>
        </row>
        <row r="491">
          <cell r="A491" t="str">
            <v>EDU/00038.54.01</v>
          </cell>
          <cell r="C491">
            <v>20151</v>
          </cell>
          <cell r="F491">
            <v>20151</v>
          </cell>
        </row>
        <row r="492">
          <cell r="A492" t="str">
            <v>EDU/00038.55.01</v>
          </cell>
          <cell r="C492">
            <v>5000</v>
          </cell>
          <cell r="F492">
            <v>5000</v>
          </cell>
        </row>
        <row r="493">
          <cell r="A493" t="str">
            <v>EDU/00038.56.01</v>
          </cell>
          <cell r="C493">
            <v>19016.02</v>
          </cell>
          <cell r="D493">
            <v>16518.61</v>
          </cell>
          <cell r="F493">
            <v>35534.629999999997</v>
          </cell>
        </row>
        <row r="494">
          <cell r="A494" t="str">
            <v>EDU/00039.01.01</v>
          </cell>
          <cell r="C494">
            <v>61258.53</v>
          </cell>
          <cell r="D494">
            <v>165069.24</v>
          </cell>
          <cell r="F494">
            <v>226327.77</v>
          </cell>
        </row>
        <row r="495">
          <cell r="A495" t="str">
            <v>EDU/00039.02.01</v>
          </cell>
          <cell r="C495">
            <v>146418.66</v>
          </cell>
          <cell r="D495">
            <v>83598.39</v>
          </cell>
          <cell r="F495">
            <v>230017.05</v>
          </cell>
        </row>
        <row r="496">
          <cell r="A496" t="str">
            <v>EDU/00039.03.01</v>
          </cell>
          <cell r="C496">
            <v>60803.96</v>
          </cell>
          <cell r="D496">
            <v>189194.42</v>
          </cell>
          <cell r="F496">
            <v>249998.38</v>
          </cell>
        </row>
        <row r="497">
          <cell r="A497" t="str">
            <v>EDU/00039.04.01</v>
          </cell>
          <cell r="C497">
            <v>149500.49</v>
          </cell>
          <cell r="D497">
            <v>105228.44</v>
          </cell>
          <cell r="F497">
            <v>254728.93</v>
          </cell>
        </row>
        <row r="498">
          <cell r="A498" t="str">
            <v>EDU/00039.06.01</v>
          </cell>
          <cell r="C498">
            <v>47891</v>
          </cell>
          <cell r="D498">
            <v>107535.29</v>
          </cell>
          <cell r="F498">
            <v>155426.29</v>
          </cell>
        </row>
        <row r="499">
          <cell r="A499" t="str">
            <v>EDU/00039.07.01</v>
          </cell>
          <cell r="C499">
            <v>78104.3</v>
          </cell>
          <cell r="D499">
            <v>39988.660000000003</v>
          </cell>
          <cell r="F499">
            <v>118092.96</v>
          </cell>
        </row>
        <row r="500">
          <cell r="A500" t="str">
            <v>EDU/00039.08.01</v>
          </cell>
          <cell r="C500">
            <v>160499.32999999999</v>
          </cell>
          <cell r="D500">
            <v>257788.84</v>
          </cell>
          <cell r="F500">
            <v>418288.17</v>
          </cell>
        </row>
        <row r="501">
          <cell r="A501" t="str">
            <v>EDU/00039.09.01</v>
          </cell>
          <cell r="C501">
            <v>82183.53</v>
          </cell>
          <cell r="D501">
            <v>190519.02</v>
          </cell>
          <cell r="F501">
            <v>272702.55</v>
          </cell>
        </row>
        <row r="502">
          <cell r="A502" t="str">
            <v>EDU/00039.10.01</v>
          </cell>
          <cell r="C502">
            <v>43660</v>
          </cell>
          <cell r="D502">
            <v>22830.95</v>
          </cell>
          <cell r="F502">
            <v>66490.95</v>
          </cell>
        </row>
        <row r="503">
          <cell r="A503" t="str">
            <v>EDU/00039.11.01</v>
          </cell>
          <cell r="D503">
            <v>128241.03</v>
          </cell>
          <cell r="F503">
            <v>128241.03</v>
          </cell>
        </row>
        <row r="504">
          <cell r="A504" t="str">
            <v>EDU/00039.12.01</v>
          </cell>
          <cell r="C504">
            <v>20000</v>
          </cell>
          <cell r="F504">
            <v>20000</v>
          </cell>
        </row>
        <row r="505">
          <cell r="A505" t="str">
            <v>EDU/00039.13.01</v>
          </cell>
          <cell r="C505">
            <v>66847</v>
          </cell>
          <cell r="D505">
            <v>17275.98</v>
          </cell>
          <cell r="F505">
            <v>84122.98</v>
          </cell>
        </row>
        <row r="506">
          <cell r="A506" t="str">
            <v>EDU/00041.01.01</v>
          </cell>
          <cell r="D506">
            <v>56940.25</v>
          </cell>
          <cell r="F506">
            <v>56940.25</v>
          </cell>
        </row>
        <row r="507">
          <cell r="A507" t="str">
            <v>EDU/00041.02.01</v>
          </cell>
          <cell r="C507">
            <v>711.93</v>
          </cell>
          <cell r="F507">
            <v>711.93</v>
          </cell>
        </row>
        <row r="508">
          <cell r="A508" t="str">
            <v>EDU/00041.03.01</v>
          </cell>
          <cell r="C508">
            <v>19091.3</v>
          </cell>
          <cell r="D508">
            <v>11909.99</v>
          </cell>
          <cell r="F508">
            <v>31001.29</v>
          </cell>
        </row>
        <row r="509">
          <cell r="A509" t="str">
            <v>EDU/00043.01.01</v>
          </cell>
          <cell r="B509">
            <v>772909.58</v>
          </cell>
          <cell r="C509">
            <v>575510.43999999994</v>
          </cell>
          <cell r="D509">
            <v>37515.29</v>
          </cell>
          <cell r="E509">
            <v>5214.33</v>
          </cell>
          <cell r="F509">
            <v>1391149.64</v>
          </cell>
        </row>
        <row r="510">
          <cell r="A510" t="str">
            <v>EDU/00043.02.01</v>
          </cell>
          <cell r="B510">
            <v>71454.100000000006</v>
          </cell>
          <cell r="C510">
            <v>265198.07</v>
          </cell>
          <cell r="D510">
            <v>503487.45</v>
          </cell>
          <cell r="E510">
            <v>5359969.54</v>
          </cell>
          <cell r="F510">
            <v>6200109.1600000011</v>
          </cell>
        </row>
        <row r="511">
          <cell r="A511" t="str">
            <v>EDU/00044.01.01</v>
          </cell>
          <cell r="C511">
            <v>34446</v>
          </cell>
          <cell r="F511">
            <v>34446</v>
          </cell>
        </row>
        <row r="512">
          <cell r="A512" t="str">
            <v>EDU/00044.02.01</v>
          </cell>
          <cell r="C512">
            <v>310922.34000000003</v>
          </cell>
          <cell r="E512">
            <v>12213.63</v>
          </cell>
          <cell r="F512">
            <v>323135.96999999997</v>
          </cell>
        </row>
        <row r="513">
          <cell r="A513" t="str">
            <v>EDU/00044.03.01</v>
          </cell>
          <cell r="C513">
            <v>619132.16000000003</v>
          </cell>
          <cell r="D513">
            <v>-314.60000000000002</v>
          </cell>
          <cell r="E513">
            <v>-240.69</v>
          </cell>
          <cell r="F513">
            <v>618576.87</v>
          </cell>
        </row>
        <row r="514">
          <cell r="A514" t="str">
            <v>EDU/00044.04.01</v>
          </cell>
          <cell r="C514">
            <v>10339.879999999999</v>
          </cell>
          <cell r="D514">
            <v>1044.6400000000001</v>
          </cell>
          <cell r="F514">
            <v>11384.52</v>
          </cell>
        </row>
        <row r="515">
          <cell r="A515" t="str">
            <v>EDU/00044.05.01</v>
          </cell>
          <cell r="D515">
            <v>214880.75</v>
          </cell>
          <cell r="E515">
            <v>123245.99</v>
          </cell>
          <cell r="F515">
            <v>338126.74</v>
          </cell>
        </row>
        <row r="516">
          <cell r="A516" t="str">
            <v>EDU/00044.06.01</v>
          </cell>
          <cell r="D516">
            <v>150914.51</v>
          </cell>
          <cell r="E516">
            <v>47092.45</v>
          </cell>
          <cell r="F516">
            <v>198006.96</v>
          </cell>
        </row>
        <row r="517">
          <cell r="A517" t="str">
            <v>EDU/00044.07.01</v>
          </cell>
          <cell r="C517">
            <v>105146.81</v>
          </cell>
          <cell r="F517">
            <v>105146.81</v>
          </cell>
        </row>
        <row r="518">
          <cell r="A518" t="str">
            <v>EDU/00044.08.01</v>
          </cell>
          <cell r="C518">
            <v>1440</v>
          </cell>
          <cell r="D518">
            <v>65365.47</v>
          </cell>
          <cell r="E518">
            <v>182048.23</v>
          </cell>
          <cell r="F518">
            <v>248853.7</v>
          </cell>
        </row>
        <row r="519">
          <cell r="A519" t="str">
            <v>EDU/00044.09.01</v>
          </cell>
          <cell r="C519">
            <v>885</v>
          </cell>
          <cell r="D519">
            <v>13315.18</v>
          </cell>
          <cell r="F519">
            <v>14200.18</v>
          </cell>
        </row>
        <row r="520">
          <cell r="A520" t="str">
            <v>EDU/00044.10.01</v>
          </cell>
          <cell r="C520">
            <v>300</v>
          </cell>
          <cell r="F520">
            <v>300</v>
          </cell>
        </row>
        <row r="521">
          <cell r="A521" t="str">
            <v>EDU/00044.11.01</v>
          </cell>
          <cell r="C521">
            <v>17065.400000000001</v>
          </cell>
          <cell r="F521">
            <v>17065.400000000001</v>
          </cell>
        </row>
        <row r="522">
          <cell r="A522" t="str">
            <v>EDU/00044.12.01</v>
          </cell>
          <cell r="C522">
            <v>93830</v>
          </cell>
          <cell r="F522">
            <v>93830</v>
          </cell>
        </row>
        <row r="523">
          <cell r="A523" t="str">
            <v>EDU/00044.13.01</v>
          </cell>
          <cell r="C523">
            <v>146469.99</v>
          </cell>
          <cell r="D523">
            <v>2484.67</v>
          </cell>
          <cell r="F523">
            <v>148954.66</v>
          </cell>
        </row>
        <row r="524">
          <cell r="A524" t="str">
            <v>EDU/00044.14.01</v>
          </cell>
          <cell r="C524">
            <v>98840</v>
          </cell>
          <cell r="D524">
            <v>11164</v>
          </cell>
          <cell r="F524">
            <v>110004</v>
          </cell>
        </row>
        <row r="525">
          <cell r="A525" t="str">
            <v>EDU/00044.15.01</v>
          </cell>
          <cell r="C525">
            <v>277215.84999999998</v>
          </cell>
          <cell r="D525">
            <v>10950.51</v>
          </cell>
          <cell r="F525">
            <v>288166.36</v>
          </cell>
        </row>
        <row r="526">
          <cell r="A526" t="str">
            <v>EDU/00044.16.01</v>
          </cell>
          <cell r="C526">
            <v>35273.5</v>
          </cell>
          <cell r="F526">
            <v>35273.5</v>
          </cell>
        </row>
        <row r="527">
          <cell r="A527" t="str">
            <v>EDU/00044.17.01</v>
          </cell>
          <cell r="D527">
            <v>5774.8</v>
          </cell>
          <cell r="F527">
            <v>5774.8</v>
          </cell>
        </row>
        <row r="528">
          <cell r="A528" t="str">
            <v>EDU/00044.18.01</v>
          </cell>
          <cell r="C528">
            <v>53257.07</v>
          </cell>
          <cell r="D528">
            <v>83419.08</v>
          </cell>
          <cell r="E528">
            <v>47525.3</v>
          </cell>
          <cell r="F528">
            <v>184201.45</v>
          </cell>
        </row>
        <row r="529">
          <cell r="A529" t="str">
            <v>EDU/00044.19.01</v>
          </cell>
          <cell r="C529">
            <v>2080</v>
          </cell>
          <cell r="F529">
            <v>2080</v>
          </cell>
        </row>
        <row r="530">
          <cell r="A530" t="str">
            <v>EDU/00044.21.01</v>
          </cell>
          <cell r="C530">
            <v>3272</v>
          </cell>
          <cell r="D530">
            <v>1411.2</v>
          </cell>
          <cell r="F530">
            <v>4683.2</v>
          </cell>
        </row>
        <row r="531">
          <cell r="A531" t="str">
            <v>EDU/00045.01.01</v>
          </cell>
          <cell r="B531">
            <v>49960.35</v>
          </cell>
          <cell r="F531">
            <v>49960.35</v>
          </cell>
        </row>
        <row r="532">
          <cell r="A532" t="str">
            <v>EDU/00045.02.01</v>
          </cell>
          <cell r="B532">
            <v>42000</v>
          </cell>
          <cell r="F532">
            <v>42000</v>
          </cell>
        </row>
        <row r="533">
          <cell r="A533" t="str">
            <v>EDU/00045.03.01</v>
          </cell>
          <cell r="B533">
            <v>24705.5</v>
          </cell>
          <cell r="F533">
            <v>24705.5</v>
          </cell>
        </row>
        <row r="534">
          <cell r="A534" t="str">
            <v>EDU/00046.01.01</v>
          </cell>
          <cell r="B534">
            <v>19157</v>
          </cell>
          <cell r="C534">
            <v>7155.06</v>
          </cell>
          <cell r="D534">
            <v>13654.12</v>
          </cell>
          <cell r="F534">
            <v>39966.18</v>
          </cell>
        </row>
        <row r="535">
          <cell r="A535" t="str">
            <v>EDU/00046.02.01</v>
          </cell>
          <cell r="B535">
            <v>650</v>
          </cell>
          <cell r="F535">
            <v>650</v>
          </cell>
        </row>
        <row r="536">
          <cell r="A536" t="str">
            <v>EDU/00046.03.01</v>
          </cell>
          <cell r="B536">
            <v>2731.8</v>
          </cell>
          <cell r="F536">
            <v>2731.8</v>
          </cell>
        </row>
        <row r="537">
          <cell r="A537" t="str">
            <v>EDU/00046.04.01</v>
          </cell>
          <cell r="B537">
            <v>12056</v>
          </cell>
          <cell r="D537">
            <v>17810</v>
          </cell>
          <cell r="F537">
            <v>29866</v>
          </cell>
        </row>
        <row r="538">
          <cell r="A538" t="str">
            <v>EDU/00046.05.01</v>
          </cell>
          <cell r="B538">
            <v>18107.23</v>
          </cell>
          <cell r="C538">
            <v>27149.64</v>
          </cell>
          <cell r="D538">
            <v>23404.51</v>
          </cell>
          <cell r="F538">
            <v>68661.38</v>
          </cell>
        </row>
        <row r="539">
          <cell r="A539" t="str">
            <v>EDU/00046.06.01</v>
          </cell>
          <cell r="B539">
            <v>1766</v>
          </cell>
          <cell r="F539">
            <v>1766</v>
          </cell>
        </row>
        <row r="540">
          <cell r="A540" t="str">
            <v>EDU/00046.07.01</v>
          </cell>
          <cell r="B540">
            <v>906</v>
          </cell>
          <cell r="F540">
            <v>906</v>
          </cell>
        </row>
        <row r="541">
          <cell r="A541" t="str">
            <v>EDU/00046.08.01</v>
          </cell>
          <cell r="B541">
            <v>8749.52</v>
          </cell>
          <cell r="F541">
            <v>8749.52</v>
          </cell>
        </row>
        <row r="542">
          <cell r="A542" t="str">
            <v>EDU/00046.09.01</v>
          </cell>
          <cell r="B542">
            <v>716.56</v>
          </cell>
          <cell r="C542">
            <v>449</v>
          </cell>
          <cell r="F542">
            <v>1165.56</v>
          </cell>
        </row>
        <row r="543">
          <cell r="A543" t="str">
            <v>EDU/00046.10.01</v>
          </cell>
          <cell r="B543">
            <v>1541.17</v>
          </cell>
          <cell r="D543">
            <v>92226.83</v>
          </cell>
          <cell r="F543">
            <v>93768</v>
          </cell>
        </row>
        <row r="544">
          <cell r="A544" t="str">
            <v>EDU/00046.11.01</v>
          </cell>
          <cell r="B544">
            <v>25009.24</v>
          </cell>
          <cell r="F544">
            <v>25009.24</v>
          </cell>
        </row>
        <row r="545">
          <cell r="A545" t="str">
            <v>EDU/00046.12.01</v>
          </cell>
          <cell r="B545">
            <v>10668.67</v>
          </cell>
          <cell r="F545">
            <v>10668.67</v>
          </cell>
        </row>
        <row r="546">
          <cell r="A546" t="str">
            <v>EDU/00046.13.01</v>
          </cell>
          <cell r="B546">
            <v>93412.59</v>
          </cell>
          <cell r="C546">
            <v>43109.34</v>
          </cell>
          <cell r="D546">
            <v>51655.38</v>
          </cell>
          <cell r="F546">
            <v>188177.31</v>
          </cell>
        </row>
        <row r="547">
          <cell r="A547" t="str">
            <v>EDU/00046.14.01</v>
          </cell>
          <cell r="C547">
            <v>9306.18</v>
          </cell>
          <cell r="F547">
            <v>9306.18</v>
          </cell>
        </row>
        <row r="548">
          <cell r="A548" t="str">
            <v>EDU/00046.15.01</v>
          </cell>
          <cell r="C548">
            <v>8379.83</v>
          </cell>
          <cell r="F548">
            <v>8379.83</v>
          </cell>
        </row>
        <row r="549">
          <cell r="A549" t="str">
            <v>EDU/00046.16.01</v>
          </cell>
          <cell r="C549">
            <v>33622.28</v>
          </cell>
          <cell r="D549">
            <v>22678.44</v>
          </cell>
          <cell r="F549">
            <v>56300.72</v>
          </cell>
        </row>
        <row r="550">
          <cell r="A550" t="str">
            <v>EDU/00046.17.01</v>
          </cell>
          <cell r="C550">
            <v>22290.21</v>
          </cell>
          <cell r="F550">
            <v>22290.21</v>
          </cell>
        </row>
        <row r="551">
          <cell r="A551" t="str">
            <v>EDU/00046.18.01</v>
          </cell>
          <cell r="C551">
            <v>50245.35</v>
          </cell>
          <cell r="F551">
            <v>50245.35</v>
          </cell>
        </row>
        <row r="552">
          <cell r="A552" t="str">
            <v>EDU/00046.19.01</v>
          </cell>
          <cell r="C552">
            <v>17217.88</v>
          </cell>
          <cell r="D552">
            <v>70595.92</v>
          </cell>
          <cell r="F552">
            <v>87813.8</v>
          </cell>
        </row>
        <row r="553">
          <cell r="A553" t="str">
            <v>EDU/00046.20.01</v>
          </cell>
          <cell r="C553">
            <v>72075</v>
          </cell>
          <cell r="D553">
            <v>92721.83</v>
          </cell>
          <cell r="F553">
            <v>164796.82999999999</v>
          </cell>
        </row>
        <row r="554">
          <cell r="A554" t="str">
            <v>EDU/00046.21.01</v>
          </cell>
          <cell r="C554">
            <v>1082</v>
          </cell>
          <cell r="F554">
            <v>1082</v>
          </cell>
        </row>
        <row r="555">
          <cell r="A555" t="str">
            <v>EDU/00046.22.01</v>
          </cell>
          <cell r="D555">
            <v>91551</v>
          </cell>
          <cell r="F555">
            <v>91551</v>
          </cell>
        </row>
        <row r="556">
          <cell r="A556" t="str">
            <v>EDU/00046.23.01</v>
          </cell>
          <cell r="D556">
            <v>13625</v>
          </cell>
          <cell r="F556">
            <v>13625</v>
          </cell>
        </row>
        <row r="557">
          <cell r="A557" t="str">
            <v>EDU/00046.24.01</v>
          </cell>
          <cell r="D557">
            <v>74100.990000000005</v>
          </cell>
          <cell r="F557">
            <v>74100.990000000005</v>
          </cell>
        </row>
        <row r="558">
          <cell r="A558" t="str">
            <v>EDU/00047.01.01</v>
          </cell>
          <cell r="B558">
            <v>180</v>
          </cell>
          <cell r="C558">
            <v>53985.99</v>
          </cell>
          <cell r="D558">
            <v>5875</v>
          </cell>
          <cell r="F558">
            <v>60040.99</v>
          </cell>
        </row>
        <row r="559">
          <cell r="A559" t="str">
            <v>EDU/00047.02.01</v>
          </cell>
          <cell r="B559">
            <v>12474</v>
          </cell>
          <cell r="C559">
            <v>2635.66</v>
          </cell>
          <cell r="F559">
            <v>15109.66</v>
          </cell>
        </row>
        <row r="560">
          <cell r="A560" t="str">
            <v>EDU/00047.03.01</v>
          </cell>
          <cell r="B560">
            <v>671.48</v>
          </cell>
          <cell r="F560">
            <v>671.48</v>
          </cell>
        </row>
        <row r="561">
          <cell r="A561" t="str">
            <v>EDU/00047.05.01</v>
          </cell>
          <cell r="B561">
            <v>23086.17</v>
          </cell>
          <cell r="F561">
            <v>23086.17</v>
          </cell>
        </row>
        <row r="562">
          <cell r="A562" t="str">
            <v>EDU/00047.06.01</v>
          </cell>
          <cell r="B562">
            <v>14124.89</v>
          </cell>
          <cell r="C562">
            <v>5875</v>
          </cell>
          <cell r="F562">
            <v>19999.89</v>
          </cell>
        </row>
        <row r="563">
          <cell r="A563" t="str">
            <v>EDU/00047.07.01</v>
          </cell>
          <cell r="D563">
            <v>5816.25</v>
          </cell>
          <cell r="F563">
            <v>5816.25</v>
          </cell>
        </row>
        <row r="564">
          <cell r="A564" t="str">
            <v>EDU/00047.08.01</v>
          </cell>
          <cell r="B564">
            <v>21946</v>
          </cell>
          <cell r="F564">
            <v>21946</v>
          </cell>
        </row>
        <row r="565">
          <cell r="A565" t="str">
            <v>EDU/00047.09.01</v>
          </cell>
          <cell r="D565">
            <v>9908.85</v>
          </cell>
          <cell r="F565">
            <v>9908.85</v>
          </cell>
        </row>
        <row r="566">
          <cell r="A566" t="str">
            <v>EDU/00047.12.01</v>
          </cell>
          <cell r="B566">
            <v>10013.32</v>
          </cell>
          <cell r="F566">
            <v>10013.32</v>
          </cell>
        </row>
        <row r="567">
          <cell r="A567" t="str">
            <v>EDU/00047.13.01</v>
          </cell>
          <cell r="B567">
            <v>2434</v>
          </cell>
          <cell r="F567">
            <v>2434</v>
          </cell>
        </row>
        <row r="568">
          <cell r="A568" t="str">
            <v>EDU/00047.14.01</v>
          </cell>
          <cell r="C568">
            <v>24210.16</v>
          </cell>
          <cell r="F568">
            <v>24210.16</v>
          </cell>
        </row>
        <row r="569">
          <cell r="A569" t="str">
            <v>EDU/00047.15.01</v>
          </cell>
          <cell r="C569">
            <v>7576.69</v>
          </cell>
          <cell r="D569">
            <v>43826.31</v>
          </cell>
          <cell r="F569">
            <v>51403</v>
          </cell>
        </row>
        <row r="570">
          <cell r="A570" t="str">
            <v>EDU/00047.16.01</v>
          </cell>
          <cell r="C570">
            <v>15000</v>
          </cell>
          <cell r="F570">
            <v>15000</v>
          </cell>
        </row>
        <row r="571">
          <cell r="A571" t="str">
            <v>EDU/00047.17.01</v>
          </cell>
          <cell r="D571">
            <v>10114.35</v>
          </cell>
          <cell r="F571">
            <v>10114.35</v>
          </cell>
        </row>
        <row r="572">
          <cell r="A572" t="str">
            <v>EDU/00047.18.01</v>
          </cell>
          <cell r="D572">
            <v>21693.93</v>
          </cell>
          <cell r="F572">
            <v>21693.93</v>
          </cell>
        </row>
        <row r="573">
          <cell r="A573" t="str">
            <v>EDU/00047.19.01</v>
          </cell>
          <cell r="D573">
            <v>8000</v>
          </cell>
          <cell r="F573">
            <v>8000</v>
          </cell>
        </row>
        <row r="574">
          <cell r="A574" t="str">
            <v>EDU/00047.20.01</v>
          </cell>
          <cell r="D574">
            <v>37572.99</v>
          </cell>
          <cell r="F574">
            <v>37572.99</v>
          </cell>
        </row>
        <row r="575">
          <cell r="A575" t="str">
            <v>EDU/00048.02.01</v>
          </cell>
          <cell r="B575">
            <v>274063</v>
          </cell>
          <cell r="D575">
            <v>820489.77</v>
          </cell>
          <cell r="F575">
            <v>1094552.77</v>
          </cell>
        </row>
        <row r="576">
          <cell r="A576" t="str">
            <v>EDU/00048.03.01</v>
          </cell>
          <cell r="B576">
            <v>74776.17</v>
          </cell>
          <cell r="D576">
            <v>34995.47</v>
          </cell>
          <cell r="F576">
            <v>109771.64</v>
          </cell>
        </row>
        <row r="577">
          <cell r="A577" t="str">
            <v>EDU/00048.04.01</v>
          </cell>
          <cell r="C577">
            <v>98277</v>
          </cell>
          <cell r="D577">
            <v>39400</v>
          </cell>
          <cell r="F577">
            <v>137677</v>
          </cell>
        </row>
        <row r="578">
          <cell r="A578" t="str">
            <v>EDU/00048.05.01</v>
          </cell>
          <cell r="D578">
            <v>125000</v>
          </cell>
          <cell r="F578">
            <v>125000</v>
          </cell>
        </row>
        <row r="579">
          <cell r="A579" t="str">
            <v>EDU/00049.01.01</v>
          </cell>
          <cell r="C579">
            <v>103952.17</v>
          </cell>
          <cell r="D579">
            <v>83381.86</v>
          </cell>
          <cell r="E579">
            <v>2121.6999999999998</v>
          </cell>
          <cell r="F579">
            <v>189455.73</v>
          </cell>
        </row>
        <row r="580">
          <cell r="A580" t="str">
            <v>EDU/00049.02.01</v>
          </cell>
          <cell r="D580">
            <v>158598.89000000001</v>
          </cell>
          <cell r="E580">
            <v>31531.53</v>
          </cell>
          <cell r="F580">
            <v>190130.42</v>
          </cell>
        </row>
        <row r="581">
          <cell r="A581" t="str">
            <v>EDU/00049.04.01</v>
          </cell>
          <cell r="E581">
            <v>2334</v>
          </cell>
          <cell r="F581">
            <v>2334</v>
          </cell>
        </row>
        <row r="582">
          <cell r="A582" t="str">
            <v>EDU/00049.05</v>
          </cell>
          <cell r="E582">
            <v>0</v>
          </cell>
          <cell r="F582">
            <v>0</v>
          </cell>
        </row>
        <row r="583">
          <cell r="A583" t="str">
            <v>EDU/00049.05.01</v>
          </cell>
          <cell r="E583">
            <v>18490</v>
          </cell>
          <cell r="F583">
            <v>18490</v>
          </cell>
        </row>
        <row r="584">
          <cell r="A584" t="str">
            <v>EDU/00049.06.01</v>
          </cell>
          <cell r="E584">
            <v>9986</v>
          </cell>
          <cell r="F584">
            <v>9986</v>
          </cell>
        </row>
        <row r="585">
          <cell r="A585" t="str">
            <v>EDU/00049.07.01</v>
          </cell>
          <cell r="E585">
            <v>43350</v>
          </cell>
          <cell r="F585">
            <v>43350</v>
          </cell>
        </row>
        <row r="586">
          <cell r="A586" t="str">
            <v>EDU/00049.08.01</v>
          </cell>
          <cell r="E586">
            <v>8710</v>
          </cell>
          <cell r="F586">
            <v>8710</v>
          </cell>
        </row>
        <row r="587">
          <cell r="A587" t="str">
            <v>EDU/00049.09.01</v>
          </cell>
          <cell r="E587">
            <v>10983</v>
          </cell>
          <cell r="F587">
            <v>10983</v>
          </cell>
        </row>
        <row r="588">
          <cell r="A588" t="str">
            <v>EDU/00049.10.01</v>
          </cell>
          <cell r="E588">
            <v>45941.919999999998</v>
          </cell>
          <cell r="F588">
            <v>45941.919999999998</v>
          </cell>
        </row>
        <row r="589">
          <cell r="A589" t="str">
            <v>EDU/00050.01.01</v>
          </cell>
          <cell r="E589">
            <v>243.75</v>
          </cell>
          <cell r="F589">
            <v>243.75</v>
          </cell>
        </row>
        <row r="590">
          <cell r="A590" t="str">
            <v>EDU/00050.03.01</v>
          </cell>
          <cell r="D590">
            <v>75294.97</v>
          </cell>
          <cell r="E590">
            <v>10562.9</v>
          </cell>
          <cell r="F590">
            <v>85857.87</v>
          </cell>
        </row>
        <row r="591">
          <cell r="A591" t="str">
            <v>EDU/00050.04.01</v>
          </cell>
          <cell r="D591">
            <v>58092.14</v>
          </cell>
          <cell r="F591">
            <v>58092.14</v>
          </cell>
        </row>
        <row r="592">
          <cell r="A592" t="str">
            <v>EDU/00050.05.01</v>
          </cell>
          <cell r="D592">
            <v>2956.22</v>
          </cell>
          <cell r="F592">
            <v>2956.22</v>
          </cell>
        </row>
        <row r="593">
          <cell r="A593" t="str">
            <v>EDU/00050.06.01</v>
          </cell>
          <cell r="D593">
            <v>92269.520000000048</v>
          </cell>
          <cell r="E593">
            <v>2383.73</v>
          </cell>
          <cell r="F593">
            <v>94653.25</v>
          </cell>
        </row>
        <row r="594">
          <cell r="A594" t="str">
            <v>EDU/00050.07.01</v>
          </cell>
          <cell r="D594">
            <v>12340</v>
          </cell>
          <cell r="E594">
            <v>1097</v>
          </cell>
          <cell r="F594">
            <v>13437</v>
          </cell>
        </row>
        <row r="595">
          <cell r="A595" t="str">
            <v>EDU/00050.08.01</v>
          </cell>
          <cell r="D595">
            <v>3042.74</v>
          </cell>
          <cell r="E595">
            <v>408</v>
          </cell>
          <cell r="F595">
            <v>3450.74</v>
          </cell>
        </row>
        <row r="596">
          <cell r="A596" t="str">
            <v>EDU/00050.12.01</v>
          </cell>
          <cell r="D596">
            <v>18272.669999999998</v>
          </cell>
          <cell r="E596">
            <v>4178</v>
          </cell>
          <cell r="F596">
            <v>22450.67</v>
          </cell>
        </row>
        <row r="597">
          <cell r="A597" t="str">
            <v>EDU/00050.13.01</v>
          </cell>
          <cell r="D597">
            <v>14859</v>
          </cell>
          <cell r="F597">
            <v>14859</v>
          </cell>
        </row>
        <row r="598">
          <cell r="A598" t="str">
            <v>EDU/00050.14.01</v>
          </cell>
          <cell r="D598">
            <v>13881</v>
          </cell>
          <cell r="F598">
            <v>13881</v>
          </cell>
        </row>
        <row r="599">
          <cell r="A599" t="str">
            <v>EDU/00050.15.01</v>
          </cell>
          <cell r="D599">
            <v>17569.2</v>
          </cell>
          <cell r="F599">
            <v>17569.2</v>
          </cell>
        </row>
        <row r="600">
          <cell r="A600" t="str">
            <v>EDU/00050.16.01</v>
          </cell>
          <cell r="D600">
            <v>81889</v>
          </cell>
          <cell r="F600">
            <v>81889</v>
          </cell>
        </row>
        <row r="601">
          <cell r="A601" t="str">
            <v>EDU/00050.17.01</v>
          </cell>
          <cell r="E601">
            <v>131293.66</v>
          </cell>
          <cell r="F601">
            <v>131293.66</v>
          </cell>
        </row>
        <row r="602">
          <cell r="A602" t="str">
            <v>EDU/00050.18.01</v>
          </cell>
          <cell r="E602">
            <v>202907.79</v>
          </cell>
          <cell r="F602">
            <v>202907.79</v>
          </cell>
        </row>
        <row r="603">
          <cell r="A603" t="str">
            <v>EDU/00050.20.01</v>
          </cell>
          <cell r="E603">
            <v>16857.5</v>
          </cell>
          <cell r="F603">
            <v>16857.5</v>
          </cell>
        </row>
        <row r="604">
          <cell r="A604" t="str">
            <v>EDU/00051.01.01</v>
          </cell>
          <cell r="D604">
            <v>4613.05</v>
          </cell>
          <cell r="E604">
            <v>766701.28</v>
          </cell>
          <cell r="F604">
            <v>771314.33</v>
          </cell>
        </row>
        <row r="605">
          <cell r="A605" t="str">
            <v>EDU/00051.02.01</v>
          </cell>
          <cell r="E605">
            <v>2500</v>
          </cell>
          <cell r="F605">
            <v>2500</v>
          </cell>
        </row>
        <row r="606">
          <cell r="A606" t="str">
            <v>EDU/00051.03.01</v>
          </cell>
          <cell r="D606">
            <v>23321</v>
          </cell>
          <cell r="F606">
            <v>23321</v>
          </cell>
        </row>
        <row r="607">
          <cell r="A607" t="str">
            <v>EDU/00051.04.01</v>
          </cell>
          <cell r="E607">
            <v>1340</v>
          </cell>
          <cell r="F607">
            <v>1340</v>
          </cell>
        </row>
        <row r="608">
          <cell r="A608" t="str">
            <v>EDU/00051.06.01</v>
          </cell>
          <cell r="D608">
            <v>4438.24</v>
          </cell>
          <cell r="E608">
            <v>14152.58</v>
          </cell>
          <cell r="F608">
            <v>18590.82</v>
          </cell>
        </row>
        <row r="609">
          <cell r="A609" t="str">
            <v>EDU/00051.07.01</v>
          </cell>
          <cell r="E609">
            <v>131348.99</v>
          </cell>
          <cell r="F609">
            <v>131348.99</v>
          </cell>
        </row>
        <row r="610">
          <cell r="A610" t="str">
            <v>EDU/00053.01.01</v>
          </cell>
          <cell r="E610">
            <v>15502.71</v>
          </cell>
          <cell r="F610">
            <v>15502.71</v>
          </cell>
        </row>
        <row r="611">
          <cell r="A611" t="str">
            <v>EDU/00054.01.01</v>
          </cell>
          <cell r="D611">
            <v>55970.400000000001</v>
          </cell>
          <cell r="E611">
            <v>188012.29</v>
          </cell>
          <cell r="F611">
            <v>243982.69</v>
          </cell>
        </row>
        <row r="612">
          <cell r="A612" t="str">
            <v>EDU/00054.02.01</v>
          </cell>
          <cell r="E612">
            <v>5749822.2499999991</v>
          </cell>
          <cell r="F612">
            <v>5749822.2499999991</v>
          </cell>
        </row>
        <row r="613">
          <cell r="A613" t="str">
            <v>EDU/00054.04.01</v>
          </cell>
          <cell r="C613">
            <v>402141.53</v>
          </cell>
          <cell r="D613">
            <v>1576192</v>
          </cell>
          <cell r="E613">
            <v>1487278.34</v>
          </cell>
          <cell r="F613">
            <v>3465611.87</v>
          </cell>
        </row>
        <row r="614">
          <cell r="A614" t="str">
            <v>EDU/00055.01.01</v>
          </cell>
          <cell r="C614">
            <v>2198</v>
          </cell>
          <cell r="D614">
            <v>114102.56</v>
          </cell>
          <cell r="F614">
            <v>116300.56</v>
          </cell>
        </row>
        <row r="615">
          <cell r="A615" t="str">
            <v>EDU/00055.02.01</v>
          </cell>
          <cell r="C615">
            <v>69515</v>
          </cell>
          <cell r="D615">
            <v>271.5</v>
          </cell>
          <cell r="F615">
            <v>69786.5</v>
          </cell>
        </row>
        <row r="616">
          <cell r="A616" t="str">
            <v>EDU/00055.03.01</v>
          </cell>
          <cell r="C616">
            <v>725</v>
          </cell>
          <cell r="D616">
            <v>41453.5</v>
          </cell>
          <cell r="E616">
            <v>135</v>
          </cell>
          <cell r="F616">
            <v>42313.5</v>
          </cell>
        </row>
        <row r="617">
          <cell r="A617" t="str">
            <v>EDU/00055.04.01</v>
          </cell>
          <cell r="D617">
            <v>60852.03</v>
          </cell>
          <cell r="E617">
            <v>464887.05</v>
          </cell>
          <cell r="F617">
            <v>525739.07999999996</v>
          </cell>
        </row>
        <row r="618">
          <cell r="A618" t="str">
            <v>EDU/00055.05.01</v>
          </cell>
          <cell r="D618">
            <v>67280.22</v>
          </cell>
          <cell r="E618">
            <v>177141.21</v>
          </cell>
          <cell r="F618">
            <v>244421.43</v>
          </cell>
        </row>
        <row r="619">
          <cell r="A619" t="str">
            <v>EDU/00055.06.01</v>
          </cell>
          <cell r="C619">
            <v>59980.98</v>
          </cell>
          <cell r="F619">
            <v>59980.98</v>
          </cell>
        </row>
        <row r="620">
          <cell r="A620" t="str">
            <v>EDU/00055.08.01</v>
          </cell>
          <cell r="D620">
            <v>68989.98</v>
          </cell>
          <cell r="E620">
            <v>25349</v>
          </cell>
          <cell r="F620">
            <v>94338.98</v>
          </cell>
        </row>
        <row r="621">
          <cell r="A621" t="str">
            <v>EDU/00055.09.01</v>
          </cell>
          <cell r="D621">
            <v>4000</v>
          </cell>
          <cell r="E621">
            <v>44093.75</v>
          </cell>
          <cell r="F621">
            <v>48093.75</v>
          </cell>
        </row>
        <row r="622">
          <cell r="A622" t="str">
            <v>EDU/00055.10.01</v>
          </cell>
          <cell r="D622">
            <v>72602.19</v>
          </cell>
          <cell r="F622">
            <v>72602.19</v>
          </cell>
        </row>
        <row r="623">
          <cell r="A623" t="str">
            <v>EDU/00055.11.01</v>
          </cell>
          <cell r="D623">
            <v>75018.8</v>
          </cell>
          <cell r="E623">
            <v>404315.63</v>
          </cell>
          <cell r="F623">
            <v>479334.43</v>
          </cell>
        </row>
        <row r="624">
          <cell r="A624" t="str">
            <v>EDU/00056.02.01</v>
          </cell>
          <cell r="D624">
            <v>10378</v>
          </cell>
          <cell r="F624">
            <v>10378</v>
          </cell>
        </row>
        <row r="625">
          <cell r="A625" t="str">
            <v>EDU/00056.03.01</v>
          </cell>
          <cell r="D625">
            <v>20002.05</v>
          </cell>
          <cell r="E625">
            <v>14569.28</v>
          </cell>
          <cell r="F625">
            <v>34571.33</v>
          </cell>
        </row>
        <row r="626">
          <cell r="A626" t="str">
            <v>EDU/00056.04.01</v>
          </cell>
          <cell r="D626">
            <v>20000</v>
          </cell>
          <cell r="F626">
            <v>20000</v>
          </cell>
        </row>
        <row r="627">
          <cell r="A627" t="str">
            <v>EDU/00056.05.01</v>
          </cell>
          <cell r="D627">
            <v>10000</v>
          </cell>
          <cell r="F627">
            <v>10000</v>
          </cell>
        </row>
        <row r="628">
          <cell r="A628" t="str">
            <v>EDU/00056.06.01</v>
          </cell>
          <cell r="D628">
            <v>2624.74</v>
          </cell>
          <cell r="F628">
            <v>2624.74</v>
          </cell>
        </row>
        <row r="629">
          <cell r="A629" t="str">
            <v>EDU/00056.07.01</v>
          </cell>
          <cell r="D629">
            <v>5446.14</v>
          </cell>
          <cell r="F629">
            <v>5446.14</v>
          </cell>
        </row>
        <row r="630">
          <cell r="A630" t="str">
            <v>EDU/00056.08.01</v>
          </cell>
          <cell r="D630">
            <v>6045.74</v>
          </cell>
          <cell r="F630">
            <v>6045.74</v>
          </cell>
        </row>
        <row r="631">
          <cell r="A631" t="str">
            <v>EDU/00056.09.01</v>
          </cell>
          <cell r="D631">
            <v>4523.93</v>
          </cell>
          <cell r="F631">
            <v>4523.93</v>
          </cell>
        </row>
        <row r="632">
          <cell r="A632" t="str">
            <v>EDU/00056.10.01</v>
          </cell>
          <cell r="D632">
            <v>8683.5</v>
          </cell>
          <cell r="F632">
            <v>8683.5</v>
          </cell>
        </row>
        <row r="633">
          <cell r="A633" t="str">
            <v>EDU/00056.12.01</v>
          </cell>
          <cell r="D633">
            <v>42119.4</v>
          </cell>
          <cell r="E633">
            <v>2223</v>
          </cell>
          <cell r="F633">
            <v>44342.400000000001</v>
          </cell>
        </row>
        <row r="634">
          <cell r="A634" t="str">
            <v>EDU/00056.13.01</v>
          </cell>
          <cell r="D634">
            <v>17755.400000000001</v>
          </cell>
          <cell r="F634">
            <v>17755.400000000001</v>
          </cell>
        </row>
        <row r="635">
          <cell r="A635" t="str">
            <v>EDU/00056.14.01</v>
          </cell>
          <cell r="D635">
            <v>30836.5</v>
          </cell>
          <cell r="F635">
            <v>30836.5</v>
          </cell>
        </row>
        <row r="636">
          <cell r="A636" t="str">
            <v>EDU/00056.15.01</v>
          </cell>
          <cell r="D636">
            <v>16424.96</v>
          </cell>
          <cell r="E636">
            <v>292</v>
          </cell>
          <cell r="F636">
            <v>16716.96</v>
          </cell>
        </row>
        <row r="637">
          <cell r="A637" t="str">
            <v>EDU/00056.16.01</v>
          </cell>
          <cell r="D637">
            <v>12699.85</v>
          </cell>
          <cell r="F637">
            <v>12699.85</v>
          </cell>
        </row>
        <row r="638">
          <cell r="A638" t="str">
            <v>EDU/00056.18.01</v>
          </cell>
          <cell r="D638">
            <v>60000</v>
          </cell>
          <cell r="F638">
            <v>60000</v>
          </cell>
        </row>
        <row r="639">
          <cell r="A639" t="str">
            <v>EDU/00056.19.01</v>
          </cell>
          <cell r="D639">
            <v>115687.4</v>
          </cell>
          <cell r="E639">
            <v>11861</v>
          </cell>
          <cell r="F639">
            <v>127548.4</v>
          </cell>
        </row>
        <row r="640">
          <cell r="A640" t="str">
            <v>EDU/00056.20.01</v>
          </cell>
          <cell r="D640">
            <v>82091.5</v>
          </cell>
          <cell r="F640">
            <v>82091.5</v>
          </cell>
        </row>
        <row r="641">
          <cell r="A641" t="str">
            <v>EDU/00056.21.01</v>
          </cell>
          <cell r="D641">
            <v>49150</v>
          </cell>
          <cell r="F641">
            <v>49150</v>
          </cell>
        </row>
        <row r="642">
          <cell r="A642" t="str">
            <v>EDU/00056.22.01</v>
          </cell>
          <cell r="D642">
            <v>14400</v>
          </cell>
          <cell r="F642">
            <v>14400</v>
          </cell>
        </row>
        <row r="643">
          <cell r="A643" t="str">
            <v>EDU/00057.01.01</v>
          </cell>
          <cell r="D643">
            <v>78695.539999999994</v>
          </cell>
          <cell r="E643">
            <v>71302.91</v>
          </cell>
          <cell r="F643">
            <v>149998.45000000001</v>
          </cell>
        </row>
        <row r="644">
          <cell r="A644" t="str">
            <v>EDU/00057.02.01</v>
          </cell>
          <cell r="E644">
            <v>1274002.71</v>
          </cell>
          <cell r="F644">
            <v>1274002.71</v>
          </cell>
        </row>
        <row r="645">
          <cell r="A645" t="str">
            <v>EDU/00057.03.01</v>
          </cell>
          <cell r="E645">
            <v>40541.620000000003</v>
          </cell>
          <cell r="F645">
            <v>40541.620000000003</v>
          </cell>
        </row>
        <row r="646">
          <cell r="A646" t="str">
            <v>EDU/00057.04.01</v>
          </cell>
          <cell r="E646">
            <v>349953.33</v>
          </cell>
          <cell r="F646">
            <v>349953.33</v>
          </cell>
        </row>
        <row r="647">
          <cell r="A647" t="str">
            <v>EDU/00058.01.01</v>
          </cell>
          <cell r="D647">
            <v>360248.47</v>
          </cell>
          <cell r="E647">
            <v>-472.55</v>
          </cell>
          <cell r="F647">
            <v>359775.92</v>
          </cell>
        </row>
        <row r="648">
          <cell r="A648" t="str">
            <v>EDU/00058.02.01</v>
          </cell>
          <cell r="E648">
            <v>35909.4</v>
          </cell>
          <cell r="F648">
            <v>35909.4</v>
          </cell>
        </row>
        <row r="649">
          <cell r="A649" t="str">
            <v>EDU/00058.03.01</v>
          </cell>
          <cell r="E649">
            <v>17504.75</v>
          </cell>
          <cell r="F649">
            <v>17504.75</v>
          </cell>
        </row>
        <row r="650">
          <cell r="A650" t="str">
            <v>EDU/00058.04.01</v>
          </cell>
          <cell r="D650">
            <v>12750</v>
          </cell>
          <cell r="E650">
            <v>251520.09</v>
          </cell>
          <cell r="F650">
            <v>264270.09000000003</v>
          </cell>
        </row>
        <row r="651">
          <cell r="A651" t="str">
            <v>EDU/00058.05.01</v>
          </cell>
          <cell r="E651">
            <v>24875.599999999999</v>
          </cell>
          <cell r="F651">
            <v>24875.599999999999</v>
          </cell>
        </row>
        <row r="652">
          <cell r="A652" t="str">
            <v>EDU/00059.01.01</v>
          </cell>
          <cell r="E652">
            <v>178135.07</v>
          </cell>
          <cell r="F652">
            <v>178135.07</v>
          </cell>
        </row>
        <row r="653">
          <cell r="A653" t="str">
            <v>EDU/00059.02.01</v>
          </cell>
          <cell r="E653">
            <v>5375</v>
          </cell>
          <cell r="F653">
            <v>5375</v>
          </cell>
        </row>
        <row r="654">
          <cell r="A654" t="str">
            <v>EDU/00059.04.01</v>
          </cell>
          <cell r="E654">
            <v>4500</v>
          </cell>
          <cell r="F654">
            <v>4500</v>
          </cell>
        </row>
        <row r="655">
          <cell r="A655" t="str">
            <v>EDU/00059.05.01</v>
          </cell>
          <cell r="E655">
            <v>3131.37</v>
          </cell>
          <cell r="F655">
            <v>3131.37</v>
          </cell>
        </row>
        <row r="656">
          <cell r="A656" t="str">
            <v>EDU/00059.06.01</v>
          </cell>
          <cell r="E656">
            <v>220269.23</v>
          </cell>
          <cell r="F656">
            <v>220269.23</v>
          </cell>
        </row>
        <row r="657">
          <cell r="A657" t="str">
            <v>EDU/00059.07.01</v>
          </cell>
          <cell r="E657">
            <v>1890</v>
          </cell>
          <cell r="F657">
            <v>1890</v>
          </cell>
        </row>
        <row r="658">
          <cell r="A658" t="str">
            <v>EDU/00059.08.01</v>
          </cell>
          <cell r="E658">
            <v>65190.36</v>
          </cell>
          <cell r="F658">
            <v>65190.36</v>
          </cell>
        </row>
        <row r="659">
          <cell r="A659" t="str">
            <v>EDU/00059.09.01</v>
          </cell>
          <cell r="E659">
            <v>5672.27</v>
          </cell>
          <cell r="F659">
            <v>5672.27</v>
          </cell>
        </row>
        <row r="660">
          <cell r="A660" t="str">
            <v>EDU/00059.10.01</v>
          </cell>
          <cell r="E660">
            <v>82694.48</v>
          </cell>
          <cell r="F660">
            <v>82694.48</v>
          </cell>
        </row>
        <row r="661">
          <cell r="A661" t="str">
            <v>EDU/00059.12.01</v>
          </cell>
          <cell r="E661">
            <v>21218.34</v>
          </cell>
          <cell r="F661">
            <v>21218.34</v>
          </cell>
        </row>
        <row r="662">
          <cell r="A662" t="str">
            <v>EDU/00059.13.01</v>
          </cell>
          <cell r="E662">
            <v>16990.48</v>
          </cell>
          <cell r="F662">
            <v>16990.48</v>
          </cell>
        </row>
        <row r="663">
          <cell r="A663" t="str">
            <v>EDU/00059.14.01</v>
          </cell>
          <cell r="E663">
            <v>4195.5</v>
          </cell>
          <cell r="F663">
            <v>4195.5</v>
          </cell>
        </row>
        <row r="664">
          <cell r="A664" t="str">
            <v>EDU/00059.15.01</v>
          </cell>
          <cell r="E664">
            <v>13835.1</v>
          </cell>
          <cell r="F664">
            <v>13835.1</v>
          </cell>
        </row>
        <row r="665">
          <cell r="A665" t="str">
            <v>EDU/00059.17.01</v>
          </cell>
          <cell r="E665">
            <v>15263.6</v>
          </cell>
          <cell r="F665">
            <v>15263.6</v>
          </cell>
        </row>
        <row r="666">
          <cell r="A666" t="str">
            <v>EDU/00059.19.01</v>
          </cell>
          <cell r="E666">
            <v>1449.36</v>
          </cell>
          <cell r="F666">
            <v>1449.36</v>
          </cell>
        </row>
        <row r="667">
          <cell r="A667" t="str">
            <v>EDU/00061.01.01</v>
          </cell>
          <cell r="E667">
            <v>268218.78000000003</v>
          </cell>
          <cell r="F667">
            <v>268218.78000000003</v>
          </cell>
        </row>
        <row r="668">
          <cell r="A668" t="str">
            <v>EDU/00063.01.01</v>
          </cell>
          <cell r="E668">
            <v>89000</v>
          </cell>
          <cell r="F668">
            <v>89000</v>
          </cell>
        </row>
        <row r="669">
          <cell r="A669" t="str">
            <v>EDU/00065.01.01</v>
          </cell>
          <cell r="E669">
            <v>11332.86</v>
          </cell>
          <cell r="F669">
            <v>11332.86</v>
          </cell>
        </row>
        <row r="670">
          <cell r="A670" t="str">
            <v>EDU/00098.01.01</v>
          </cell>
          <cell r="D670">
            <v>9.0949470177292824E-13</v>
          </cell>
          <cell r="E670">
            <v>46940.65</v>
          </cell>
          <cell r="F670">
            <v>46940.65</v>
          </cell>
        </row>
        <row r="671">
          <cell r="A671" t="str">
            <v>EDU/00098.02.01</v>
          </cell>
          <cell r="D671">
            <v>-9.0949470177292824E-13</v>
          </cell>
          <cell r="E671">
            <v>650</v>
          </cell>
          <cell r="F671">
            <v>649.99999999999909</v>
          </cell>
        </row>
        <row r="672">
          <cell r="A672" t="str">
            <v>EDU/00099.02.01</v>
          </cell>
          <cell r="B672">
            <v>168</v>
          </cell>
          <cell r="F672">
            <v>168</v>
          </cell>
        </row>
        <row r="673">
          <cell r="A673" t="str">
            <v>EDU/00099.03.01</v>
          </cell>
          <cell r="B673">
            <v>3800</v>
          </cell>
          <cell r="F673">
            <v>3800</v>
          </cell>
        </row>
        <row r="674">
          <cell r="A674" t="str">
            <v>EDU/00099.04.01</v>
          </cell>
          <cell r="B674">
            <v>-849</v>
          </cell>
          <cell r="F674">
            <v>-849</v>
          </cell>
        </row>
        <row r="675">
          <cell r="A675" t="str">
            <v>EDU/00099.05.01</v>
          </cell>
          <cell r="C675">
            <v>12407.43</v>
          </cell>
          <cell r="F675">
            <v>12407.43</v>
          </cell>
        </row>
        <row r="676">
          <cell r="A676" t="str">
            <v>ENV/00002.01.01</v>
          </cell>
          <cell r="B676">
            <v>88780.3</v>
          </cell>
          <cell r="C676">
            <v>114265.02</v>
          </cell>
          <cell r="D676">
            <v>71621.81</v>
          </cell>
          <cell r="F676">
            <v>274667.13</v>
          </cell>
        </row>
        <row r="677">
          <cell r="A677" t="str">
            <v>ENV/00002.02.01</v>
          </cell>
          <cell r="B677">
            <v>348866</v>
          </cell>
          <cell r="C677">
            <v>169208</v>
          </cell>
          <cell r="D677">
            <v>101144.11</v>
          </cell>
          <cell r="E677">
            <v>96787.199999999997</v>
          </cell>
          <cell r="F677">
            <v>716005.31</v>
          </cell>
        </row>
        <row r="678">
          <cell r="A678" t="str">
            <v>ENV/00002.03.01</v>
          </cell>
          <cell r="E678">
            <v>530817.04</v>
          </cell>
          <cell r="F678">
            <v>530817.04</v>
          </cell>
        </row>
        <row r="679">
          <cell r="A679" t="str">
            <v>ENV/00003.01.01</v>
          </cell>
          <cell r="B679">
            <v>7826.37</v>
          </cell>
          <cell r="C679">
            <v>23728.85</v>
          </cell>
          <cell r="F679">
            <v>31555.22</v>
          </cell>
        </row>
        <row r="680">
          <cell r="A680" t="str">
            <v>ENV/00003.02.01</v>
          </cell>
          <cell r="B680">
            <v>20460</v>
          </cell>
          <cell r="C680">
            <v>2850</v>
          </cell>
          <cell r="D680">
            <v>10999.75</v>
          </cell>
          <cell r="F680">
            <v>34309.75</v>
          </cell>
        </row>
        <row r="681">
          <cell r="A681" t="str">
            <v>ENV/00005.01.01</v>
          </cell>
          <cell r="B681">
            <v>22192.5</v>
          </cell>
          <cell r="C681">
            <v>0</v>
          </cell>
          <cell r="F681">
            <v>22192.5</v>
          </cell>
        </row>
        <row r="682">
          <cell r="A682" t="str">
            <v>ENV/00005.02.01</v>
          </cell>
          <cell r="B682">
            <v>17281.5</v>
          </cell>
          <cell r="F682">
            <v>17281.5</v>
          </cell>
        </row>
        <row r="683">
          <cell r="A683" t="str">
            <v>ENV/00006.01.01</v>
          </cell>
          <cell r="B683">
            <v>4589.49</v>
          </cell>
          <cell r="C683">
            <v>100</v>
          </cell>
          <cell r="F683">
            <v>4689.49</v>
          </cell>
        </row>
        <row r="684">
          <cell r="A684" t="str">
            <v>ENV/00007.01.01</v>
          </cell>
          <cell r="B684">
            <v>7846.88</v>
          </cell>
          <cell r="C684">
            <v>156000.24</v>
          </cell>
          <cell r="D684">
            <v>8172.43</v>
          </cell>
          <cell r="F684">
            <v>172019.55</v>
          </cell>
        </row>
        <row r="685">
          <cell r="A685" t="str">
            <v>ENV/00007.01.18</v>
          </cell>
          <cell r="B685">
            <v>0</v>
          </cell>
          <cell r="F685">
            <v>0</v>
          </cell>
        </row>
        <row r="686">
          <cell r="A686" t="str">
            <v>ENV/00007.02.01</v>
          </cell>
          <cell r="B686">
            <v>5195</v>
          </cell>
          <cell r="F686">
            <v>5195</v>
          </cell>
        </row>
        <row r="687">
          <cell r="A687" t="str">
            <v>ENV/00008.01.01</v>
          </cell>
          <cell r="B687">
            <v>19551</v>
          </cell>
          <cell r="D687">
            <v>17794.669999999998</v>
          </cell>
          <cell r="F687">
            <v>37345.67</v>
          </cell>
        </row>
        <row r="688">
          <cell r="A688" t="str">
            <v>ENV/00008.02.01</v>
          </cell>
          <cell r="B688">
            <v>24242.5</v>
          </cell>
          <cell r="F688">
            <v>24242.5</v>
          </cell>
        </row>
        <row r="689">
          <cell r="A689" t="str">
            <v>ENV/00009.01.01</v>
          </cell>
          <cell r="B689">
            <v>722000.72</v>
          </cell>
          <cell r="C689">
            <v>16686.22</v>
          </cell>
          <cell r="F689">
            <v>738686.94</v>
          </cell>
        </row>
        <row r="690">
          <cell r="A690" t="str">
            <v>ENV/00009.01.06</v>
          </cell>
          <cell r="B690">
            <v>0</v>
          </cell>
          <cell r="F690">
            <v>0</v>
          </cell>
        </row>
        <row r="691">
          <cell r="A691" t="str">
            <v>ENV/00010.01.01</v>
          </cell>
          <cell r="B691">
            <v>6784</v>
          </cell>
          <cell r="E691">
            <v>64904.75</v>
          </cell>
          <cell r="F691">
            <v>71688.75</v>
          </cell>
        </row>
        <row r="692">
          <cell r="A692" t="str">
            <v>ENV/00011.01.01</v>
          </cell>
          <cell r="B692">
            <v>40000</v>
          </cell>
          <cell r="C692">
            <v>40000</v>
          </cell>
          <cell r="D692">
            <v>40000</v>
          </cell>
          <cell r="F692">
            <v>120000</v>
          </cell>
        </row>
        <row r="693">
          <cell r="A693" t="str">
            <v>ENV/00012.07.01</v>
          </cell>
          <cell r="C693">
            <v>20155</v>
          </cell>
          <cell r="F693">
            <v>20155</v>
          </cell>
        </row>
        <row r="694">
          <cell r="A694" t="str">
            <v>ENV/00012.10.01</v>
          </cell>
          <cell r="B694">
            <v>104476.55</v>
          </cell>
          <cell r="C694">
            <v>24196.5</v>
          </cell>
          <cell r="D694">
            <v>9988</v>
          </cell>
          <cell r="E694">
            <v>-9988</v>
          </cell>
          <cell r="F694">
            <v>128673.05</v>
          </cell>
        </row>
        <row r="695">
          <cell r="A695" t="str">
            <v>ENV/00012.13.01</v>
          </cell>
          <cell r="B695">
            <v>29508.05</v>
          </cell>
          <cell r="F695">
            <v>29508.05</v>
          </cell>
        </row>
        <row r="696">
          <cell r="A696" t="str">
            <v>ENV/00014.01.01</v>
          </cell>
          <cell r="B696">
            <v>2120</v>
          </cell>
          <cell r="C696">
            <v>46034.64</v>
          </cell>
          <cell r="F696">
            <v>48154.64</v>
          </cell>
        </row>
        <row r="697">
          <cell r="A697" t="str">
            <v>ENV/00014.02.01</v>
          </cell>
          <cell r="B697">
            <v>3816</v>
          </cell>
          <cell r="C697">
            <v>309775.68</v>
          </cell>
          <cell r="D697">
            <v>-45500</v>
          </cell>
          <cell r="E697">
            <v>-5277.94</v>
          </cell>
          <cell r="F697">
            <v>262813.74</v>
          </cell>
        </row>
        <row r="698">
          <cell r="A698" t="str">
            <v>ENV/00014.03.01</v>
          </cell>
          <cell r="B698">
            <v>2968</v>
          </cell>
          <cell r="C698">
            <v>59607.12</v>
          </cell>
          <cell r="D698">
            <v>33702.879999999997</v>
          </cell>
          <cell r="F698">
            <v>96278</v>
          </cell>
        </row>
        <row r="699">
          <cell r="A699" t="str">
            <v>ENV/00014.04.01</v>
          </cell>
          <cell r="C699">
            <v>212164.36</v>
          </cell>
          <cell r="D699">
            <v>-15932</v>
          </cell>
          <cell r="F699">
            <v>196232.36</v>
          </cell>
        </row>
        <row r="700">
          <cell r="A700" t="str">
            <v>ENV/00015.01.01</v>
          </cell>
          <cell r="C700">
            <v>381820.78</v>
          </cell>
          <cell r="D700">
            <v>-138324</v>
          </cell>
          <cell r="F700">
            <v>243496.78</v>
          </cell>
        </row>
        <row r="701">
          <cell r="A701" t="str">
            <v>ENV/00015.02.01</v>
          </cell>
          <cell r="C701">
            <v>71529.63</v>
          </cell>
          <cell r="D701">
            <v>128571</v>
          </cell>
          <cell r="E701">
            <v>-30000</v>
          </cell>
          <cell r="F701">
            <v>170100.63</v>
          </cell>
        </row>
        <row r="702">
          <cell r="A702" t="str">
            <v>ENV/00015.03.01</v>
          </cell>
          <cell r="D702">
            <v>126430.39</v>
          </cell>
          <cell r="E702">
            <v>-8610</v>
          </cell>
          <cell r="F702">
            <v>117820.39</v>
          </cell>
        </row>
        <row r="703">
          <cell r="A703" t="str">
            <v>ENV/00016.01.01</v>
          </cell>
          <cell r="C703">
            <v>65000</v>
          </cell>
          <cell r="F703">
            <v>65000</v>
          </cell>
        </row>
        <row r="704">
          <cell r="A704" t="str">
            <v>ENV/00017.01.01</v>
          </cell>
          <cell r="E704">
            <v>23633.52</v>
          </cell>
          <cell r="F704">
            <v>23633.52</v>
          </cell>
        </row>
        <row r="705">
          <cell r="A705" t="str">
            <v>ENV/00099.01.01</v>
          </cell>
          <cell r="C705">
            <v>46.62</v>
          </cell>
          <cell r="F705">
            <v>46.62</v>
          </cell>
        </row>
        <row r="706">
          <cell r="A706" t="str">
            <v>HID/00001.01.01</v>
          </cell>
          <cell r="B706">
            <v>28577.29</v>
          </cell>
          <cell r="F706">
            <v>28577.29</v>
          </cell>
        </row>
        <row r="707">
          <cell r="A707" t="str">
            <v>HID/00001.02.01</v>
          </cell>
          <cell r="B707">
            <v>0</v>
          </cell>
          <cell r="F707">
            <v>0</v>
          </cell>
        </row>
        <row r="708">
          <cell r="A708" t="str">
            <v>HID/00001.05.01</v>
          </cell>
          <cell r="B708">
            <v>2000</v>
          </cell>
          <cell r="C708">
            <v>3000</v>
          </cell>
          <cell r="F708">
            <v>5000</v>
          </cell>
        </row>
        <row r="709">
          <cell r="A709" t="str">
            <v>HID/00001.06.01</v>
          </cell>
          <cell r="B709">
            <v>27825</v>
          </cell>
          <cell r="F709">
            <v>27825</v>
          </cell>
        </row>
        <row r="710">
          <cell r="A710" t="str">
            <v>HID/00001.07.01</v>
          </cell>
          <cell r="B710">
            <v>47077</v>
          </cell>
          <cell r="F710">
            <v>47077</v>
          </cell>
        </row>
        <row r="711">
          <cell r="A711" t="str">
            <v>HID/00001.08.01</v>
          </cell>
          <cell r="B711">
            <v>2000</v>
          </cell>
          <cell r="C711">
            <v>3000</v>
          </cell>
          <cell r="F711">
            <v>5000</v>
          </cell>
        </row>
        <row r="712">
          <cell r="A712" t="str">
            <v>HID/00001.10.01</v>
          </cell>
          <cell r="C712">
            <v>26772</v>
          </cell>
          <cell r="F712">
            <v>26772</v>
          </cell>
        </row>
        <row r="713">
          <cell r="A713" t="str">
            <v>HID/00001.11.01</v>
          </cell>
          <cell r="C713">
            <v>39433.83</v>
          </cell>
          <cell r="F713">
            <v>39433.83</v>
          </cell>
        </row>
        <row r="714">
          <cell r="A714" t="str">
            <v>HID/00001.12.01</v>
          </cell>
          <cell r="C714">
            <v>41213</v>
          </cell>
          <cell r="F714">
            <v>41213</v>
          </cell>
        </row>
        <row r="715">
          <cell r="A715" t="str">
            <v>HID/00001.13.01</v>
          </cell>
          <cell r="C715">
            <v>37977.83</v>
          </cell>
          <cell r="F715">
            <v>37977.83</v>
          </cell>
        </row>
        <row r="716">
          <cell r="A716" t="str">
            <v>HID/00001.14.01</v>
          </cell>
          <cell r="C716">
            <v>42995</v>
          </cell>
          <cell r="F716">
            <v>42995</v>
          </cell>
        </row>
        <row r="717">
          <cell r="A717" t="str">
            <v>HID/00001.15.01</v>
          </cell>
          <cell r="D717">
            <v>4827</v>
          </cell>
          <cell r="F717">
            <v>4827</v>
          </cell>
        </row>
        <row r="718">
          <cell r="A718" t="str">
            <v>HID/00001.16.01</v>
          </cell>
          <cell r="D718">
            <v>19168.84</v>
          </cell>
          <cell r="F718">
            <v>19168.84</v>
          </cell>
        </row>
        <row r="719">
          <cell r="A719" t="str">
            <v>HID/00001.17.01</v>
          </cell>
          <cell r="D719">
            <v>27084</v>
          </cell>
          <cell r="F719">
            <v>27084</v>
          </cell>
        </row>
        <row r="720">
          <cell r="A720" t="str">
            <v>HID/00001.18.01</v>
          </cell>
          <cell r="D720">
            <v>3898</v>
          </cell>
          <cell r="F720">
            <v>3898</v>
          </cell>
        </row>
        <row r="721">
          <cell r="A721" t="str">
            <v>HID/00001.19.01</v>
          </cell>
          <cell r="D721">
            <v>27641.33</v>
          </cell>
          <cell r="E721">
            <v>0</v>
          </cell>
          <cell r="F721">
            <v>27641.33</v>
          </cell>
        </row>
        <row r="722">
          <cell r="A722" t="str">
            <v>HID/00001.20.01</v>
          </cell>
          <cell r="D722">
            <v>20338</v>
          </cell>
          <cell r="E722">
            <v>315</v>
          </cell>
          <cell r="F722">
            <v>20653</v>
          </cell>
        </row>
        <row r="723">
          <cell r="A723" t="str">
            <v>HID/00001.21.01</v>
          </cell>
          <cell r="D723">
            <v>47446.02</v>
          </cell>
          <cell r="E723">
            <v>2631.41</v>
          </cell>
          <cell r="F723">
            <v>50077.43</v>
          </cell>
        </row>
        <row r="724">
          <cell r="A724" t="str">
            <v>HID/00001.22.01</v>
          </cell>
          <cell r="D724">
            <v>4977</v>
          </cell>
          <cell r="E724">
            <v>8990</v>
          </cell>
          <cell r="F724">
            <v>13967</v>
          </cell>
        </row>
        <row r="725">
          <cell r="A725" t="str">
            <v>HID/00001.23.01</v>
          </cell>
          <cell r="E725">
            <v>45020</v>
          </cell>
          <cell r="F725">
            <v>45020</v>
          </cell>
        </row>
        <row r="726">
          <cell r="A726" t="str">
            <v>HID/00001.24.01</v>
          </cell>
          <cell r="E726">
            <v>23996</v>
          </cell>
          <cell r="F726">
            <v>23996</v>
          </cell>
        </row>
        <row r="727">
          <cell r="A727" t="str">
            <v>HID/00001.26.01</v>
          </cell>
          <cell r="E727">
            <v>42976</v>
          </cell>
          <cell r="F727">
            <v>42976</v>
          </cell>
        </row>
        <row r="728">
          <cell r="A728" t="str">
            <v>HID/00002.01.01</v>
          </cell>
          <cell r="B728">
            <v>540.29999999999995</v>
          </cell>
          <cell r="F728">
            <v>540.29999999999995</v>
          </cell>
        </row>
        <row r="729">
          <cell r="A729" t="str">
            <v>HID/00003.01.01</v>
          </cell>
          <cell r="D729">
            <v>900</v>
          </cell>
          <cell r="F729">
            <v>900</v>
          </cell>
        </row>
        <row r="730">
          <cell r="A730" t="str">
            <v>HID/00003.03.01</v>
          </cell>
          <cell r="B730">
            <v>154299.01999999999</v>
          </cell>
          <cell r="C730">
            <v>-6705.1</v>
          </cell>
          <cell r="D730">
            <v>2897.13</v>
          </cell>
          <cell r="F730">
            <v>150491.04999999999</v>
          </cell>
        </row>
        <row r="731">
          <cell r="A731" t="str">
            <v>HID/00003.04.01</v>
          </cell>
          <cell r="B731">
            <v>155848.20000000001</v>
          </cell>
          <cell r="C731">
            <v>-14484.56</v>
          </cell>
          <cell r="F731">
            <v>141363.64000000001</v>
          </cell>
        </row>
        <row r="732">
          <cell r="A732" t="str">
            <v>HID/00003.05.01</v>
          </cell>
          <cell r="B732">
            <v>75644.56</v>
          </cell>
          <cell r="C732">
            <v>625</v>
          </cell>
          <cell r="F732">
            <v>76269.56</v>
          </cell>
        </row>
        <row r="733">
          <cell r="A733" t="str">
            <v>HID/00003.06.01</v>
          </cell>
          <cell r="B733">
            <v>77373.8</v>
          </cell>
          <cell r="C733">
            <v>-3639.68</v>
          </cell>
          <cell r="F733">
            <v>73734.12</v>
          </cell>
        </row>
        <row r="734">
          <cell r="A734" t="str">
            <v>HID/00003.07.01</v>
          </cell>
          <cell r="B734">
            <v>118183.91</v>
          </cell>
          <cell r="C734">
            <v>8830.49</v>
          </cell>
          <cell r="F734">
            <v>127014.39999999999</v>
          </cell>
        </row>
        <row r="735">
          <cell r="A735" t="str">
            <v>HID/00003.08.01</v>
          </cell>
          <cell r="B735">
            <v>32058.22</v>
          </cell>
          <cell r="C735">
            <v>53951.519999999997</v>
          </cell>
          <cell r="D735">
            <v>4956.22</v>
          </cell>
          <cell r="F735">
            <v>90965.96</v>
          </cell>
        </row>
        <row r="736">
          <cell r="A736" t="str">
            <v>HID/00003.09.01</v>
          </cell>
          <cell r="B736">
            <v>181472.41</v>
          </cell>
          <cell r="C736">
            <v>1945.2</v>
          </cell>
          <cell r="F736">
            <v>183417.61</v>
          </cell>
        </row>
        <row r="737">
          <cell r="A737" t="str">
            <v>HID/00003.10.01</v>
          </cell>
          <cell r="B737">
            <v>84112.26</v>
          </cell>
          <cell r="C737">
            <v>16885.54</v>
          </cell>
          <cell r="F737">
            <v>100997.8</v>
          </cell>
        </row>
        <row r="738">
          <cell r="A738" t="str">
            <v>HID/00003.11.01</v>
          </cell>
          <cell r="B738">
            <v>88790.19</v>
          </cell>
          <cell r="C738">
            <v>11359.87</v>
          </cell>
          <cell r="F738">
            <v>100150.06</v>
          </cell>
        </row>
        <row r="739">
          <cell r="A739" t="str">
            <v>HID/00003.12.01</v>
          </cell>
          <cell r="B739">
            <v>101399</v>
          </cell>
          <cell r="C739">
            <v>97277.82</v>
          </cell>
          <cell r="F739">
            <v>198676.82</v>
          </cell>
        </row>
        <row r="740">
          <cell r="A740" t="str">
            <v>HID/00003.13.01</v>
          </cell>
          <cell r="B740">
            <v>68174.05</v>
          </cell>
          <cell r="F740">
            <v>68174.05</v>
          </cell>
        </row>
        <row r="741">
          <cell r="A741" t="str">
            <v>HID/00003.14.01</v>
          </cell>
          <cell r="D741">
            <v>237106.82</v>
          </cell>
          <cell r="E741">
            <v>37600.68</v>
          </cell>
          <cell r="F741">
            <v>274707.5</v>
          </cell>
        </row>
        <row r="742">
          <cell r="A742" t="str">
            <v>HID/00003.15.01</v>
          </cell>
          <cell r="D742">
            <v>128536</v>
          </cell>
          <cell r="E742">
            <v>76442.509999999995</v>
          </cell>
          <cell r="F742">
            <v>204978.51</v>
          </cell>
        </row>
        <row r="743">
          <cell r="A743" t="str">
            <v>HID/00003.16.01</v>
          </cell>
          <cell r="D743">
            <v>38679.58</v>
          </cell>
          <cell r="E743">
            <v>1296</v>
          </cell>
          <cell r="F743">
            <v>39975.58</v>
          </cell>
        </row>
        <row r="744">
          <cell r="A744" t="str">
            <v>HID/00003.17.01</v>
          </cell>
          <cell r="D744">
            <v>53691.839999999997</v>
          </cell>
          <cell r="E744">
            <v>-21184.240000000002</v>
          </cell>
          <cell r="F744">
            <v>32507.599999999999</v>
          </cell>
        </row>
        <row r="745">
          <cell r="A745" t="str">
            <v>HID/00003.18.01</v>
          </cell>
          <cell r="D745">
            <v>24394.5</v>
          </cell>
          <cell r="E745">
            <v>594</v>
          </cell>
          <cell r="F745">
            <v>24988.5</v>
          </cell>
        </row>
        <row r="746">
          <cell r="A746" t="str">
            <v>HID/00003.19.01</v>
          </cell>
          <cell r="D746">
            <v>110830.18</v>
          </cell>
          <cell r="E746">
            <v>1058.18</v>
          </cell>
          <cell r="F746">
            <v>111888.36</v>
          </cell>
        </row>
        <row r="747">
          <cell r="A747" t="str">
            <v>HID/00003.20.01</v>
          </cell>
          <cell r="D747">
            <v>58854.2</v>
          </cell>
          <cell r="E747">
            <v>1350</v>
          </cell>
          <cell r="F747">
            <v>60204.2</v>
          </cell>
        </row>
        <row r="748">
          <cell r="A748" t="str">
            <v>HID/00003.21.01</v>
          </cell>
          <cell r="D748">
            <v>185367.5</v>
          </cell>
          <cell r="E748">
            <v>39402.71</v>
          </cell>
          <cell r="F748">
            <v>224770.21</v>
          </cell>
        </row>
        <row r="749">
          <cell r="A749" t="str">
            <v>HID/00003.22.01</v>
          </cell>
          <cell r="E749">
            <v>51218.080000000002</v>
          </cell>
          <cell r="F749">
            <v>51218.080000000002</v>
          </cell>
        </row>
        <row r="750">
          <cell r="A750" t="str">
            <v>HID/00003.23.01</v>
          </cell>
          <cell r="E750">
            <v>63367.24</v>
          </cell>
          <cell r="F750">
            <v>63367.24</v>
          </cell>
        </row>
        <row r="751">
          <cell r="A751" t="str">
            <v>HID/00003.24.01</v>
          </cell>
          <cell r="E751">
            <v>10882.42</v>
          </cell>
          <cell r="F751">
            <v>10882.42</v>
          </cell>
        </row>
        <row r="752">
          <cell r="A752" t="str">
            <v>HID/00003.25.01</v>
          </cell>
          <cell r="E752">
            <v>34988.5</v>
          </cell>
          <cell r="F752">
            <v>34988.5</v>
          </cell>
        </row>
        <row r="753">
          <cell r="A753" t="str">
            <v>HID/00003.26.01</v>
          </cell>
          <cell r="E753">
            <v>44129.99</v>
          </cell>
          <cell r="F753">
            <v>44129.99</v>
          </cell>
        </row>
        <row r="754">
          <cell r="A754" t="str">
            <v>HID/00003.27.01</v>
          </cell>
          <cell r="E754">
            <v>33437.97</v>
          </cell>
          <cell r="F754">
            <v>33437.97</v>
          </cell>
        </row>
        <row r="755">
          <cell r="A755" t="str">
            <v>HID/00003.28.01</v>
          </cell>
          <cell r="E755">
            <v>29686.5</v>
          </cell>
          <cell r="F755">
            <v>29686.5</v>
          </cell>
        </row>
        <row r="756">
          <cell r="A756" t="str">
            <v>HID/00003.30.01</v>
          </cell>
          <cell r="E756">
            <v>12302.5</v>
          </cell>
          <cell r="F756">
            <v>12302.5</v>
          </cell>
        </row>
        <row r="757">
          <cell r="A757" t="str">
            <v>HID/00004.04.01</v>
          </cell>
          <cell r="B757">
            <v>-2.7995383788947947E-12</v>
          </cell>
          <cell r="F757">
            <v>-2.7995383788947947E-12</v>
          </cell>
        </row>
        <row r="758">
          <cell r="A758" t="str">
            <v>HID/00004.20.01</v>
          </cell>
          <cell r="B758">
            <v>1282.51</v>
          </cell>
          <cell r="F758">
            <v>1282.51</v>
          </cell>
        </row>
        <row r="759">
          <cell r="A759" t="str">
            <v>HID/00004.26.01</v>
          </cell>
          <cell r="B759">
            <v>0</v>
          </cell>
          <cell r="F759">
            <v>0</v>
          </cell>
        </row>
        <row r="760">
          <cell r="A760" t="str">
            <v>HID/00004.32.01</v>
          </cell>
          <cell r="B760">
            <v>488.47999999999593</v>
          </cell>
          <cell r="F760">
            <v>488.47999999999593</v>
          </cell>
        </row>
        <row r="761">
          <cell r="A761" t="str">
            <v>HID/00004.33.01</v>
          </cell>
          <cell r="B761">
            <v>0</v>
          </cell>
          <cell r="F761">
            <v>0</v>
          </cell>
        </row>
        <row r="762">
          <cell r="A762" t="str">
            <v>HID/00004.34.01</v>
          </cell>
          <cell r="B762">
            <v>0</v>
          </cell>
          <cell r="F762">
            <v>0</v>
          </cell>
        </row>
        <row r="763">
          <cell r="A763" t="str">
            <v>HID/00004.36.01</v>
          </cell>
          <cell r="B763">
            <v>0</v>
          </cell>
          <cell r="F763">
            <v>0</v>
          </cell>
        </row>
        <row r="764">
          <cell r="A764" t="str">
            <v>HID/00004.37.01</v>
          </cell>
          <cell r="B764">
            <v>11112.58</v>
          </cell>
          <cell r="F764">
            <v>11112.58</v>
          </cell>
        </row>
        <row r="765">
          <cell r="A765" t="str">
            <v>HID/00004.38.01</v>
          </cell>
          <cell r="B765">
            <v>10809.68</v>
          </cell>
          <cell r="F765">
            <v>10809.68</v>
          </cell>
        </row>
        <row r="766">
          <cell r="A766" t="str">
            <v>HID/00004.39.01</v>
          </cell>
          <cell r="B766">
            <v>17261.150000000001</v>
          </cell>
          <cell r="F766">
            <v>17261.150000000001</v>
          </cell>
        </row>
        <row r="767">
          <cell r="A767" t="str">
            <v>HID/00004.40.01</v>
          </cell>
          <cell r="B767">
            <v>0</v>
          </cell>
          <cell r="F767">
            <v>0</v>
          </cell>
        </row>
        <row r="768">
          <cell r="A768" t="str">
            <v>HID/00004.41.01</v>
          </cell>
          <cell r="B768">
            <v>19981.37</v>
          </cell>
          <cell r="C768">
            <v>871.1</v>
          </cell>
          <cell r="F768">
            <v>20852.47</v>
          </cell>
        </row>
        <row r="769">
          <cell r="A769" t="str">
            <v>HID/00004.42.01</v>
          </cell>
          <cell r="B769">
            <v>15260.91</v>
          </cell>
          <cell r="F769">
            <v>15260.91</v>
          </cell>
        </row>
        <row r="770">
          <cell r="A770" t="str">
            <v>HID/00004.45.01</v>
          </cell>
          <cell r="B770">
            <v>36592.89</v>
          </cell>
          <cell r="F770">
            <v>36592.89</v>
          </cell>
        </row>
        <row r="771">
          <cell r="A771" t="str">
            <v>HID/00004.46.01</v>
          </cell>
          <cell r="B771">
            <v>15861.46</v>
          </cell>
          <cell r="F771">
            <v>15861.46</v>
          </cell>
        </row>
        <row r="772">
          <cell r="A772" t="str">
            <v>HID/00004.47.01</v>
          </cell>
          <cell r="B772">
            <v>90253.65</v>
          </cell>
          <cell r="F772">
            <v>90253.65</v>
          </cell>
        </row>
        <row r="773">
          <cell r="A773" t="str">
            <v>HID/00004.49.01</v>
          </cell>
          <cell r="B773">
            <v>6359.59</v>
          </cell>
          <cell r="F773">
            <v>6359.59</v>
          </cell>
        </row>
        <row r="774">
          <cell r="A774" t="str">
            <v>HID/00004.51.01</v>
          </cell>
          <cell r="B774">
            <v>23822.55</v>
          </cell>
          <cell r="F774">
            <v>23822.55</v>
          </cell>
        </row>
        <row r="775">
          <cell r="A775" t="str">
            <v>HID/00004.52.01</v>
          </cell>
          <cell r="B775">
            <v>183631.34</v>
          </cell>
          <cell r="C775">
            <v>29421.02</v>
          </cell>
          <cell r="F775">
            <v>213052.36</v>
          </cell>
        </row>
        <row r="776">
          <cell r="A776" t="str">
            <v>HID/00004.53.01</v>
          </cell>
          <cell r="B776">
            <v>10353.36</v>
          </cell>
          <cell r="F776">
            <v>10353.36</v>
          </cell>
        </row>
        <row r="777">
          <cell r="A777" t="str">
            <v>HID/00004.55.01</v>
          </cell>
          <cell r="B777">
            <v>119484.76</v>
          </cell>
          <cell r="C777">
            <v>40869.040000000001</v>
          </cell>
          <cell r="F777">
            <v>160353.79999999999</v>
          </cell>
        </row>
        <row r="778">
          <cell r="A778" t="str">
            <v>HID/00004.56.01</v>
          </cell>
          <cell r="B778">
            <v>6761.86</v>
          </cell>
          <cell r="C778">
            <v>2590.92</v>
          </cell>
          <cell r="F778">
            <v>9352.7800000000007</v>
          </cell>
        </row>
        <row r="779">
          <cell r="A779" t="str">
            <v>HID/00004.57.01</v>
          </cell>
          <cell r="B779">
            <v>2231.36</v>
          </cell>
          <cell r="F779">
            <v>2231.36</v>
          </cell>
        </row>
        <row r="780">
          <cell r="A780" t="str">
            <v>HID/00004.58.01</v>
          </cell>
          <cell r="B780">
            <v>17768.68</v>
          </cell>
          <cell r="F780">
            <v>17768.68</v>
          </cell>
        </row>
        <row r="781">
          <cell r="A781" t="str">
            <v>HID/00004.59.01</v>
          </cell>
          <cell r="B781">
            <v>14573.81</v>
          </cell>
          <cell r="F781">
            <v>14573.81</v>
          </cell>
        </row>
        <row r="782">
          <cell r="A782" t="str">
            <v>HID/00004.60.01</v>
          </cell>
          <cell r="B782">
            <v>2100</v>
          </cell>
          <cell r="F782">
            <v>2100</v>
          </cell>
        </row>
        <row r="783">
          <cell r="A783" t="str">
            <v>HID/00004.61.01</v>
          </cell>
          <cell r="B783">
            <v>3972.39</v>
          </cell>
          <cell r="F783">
            <v>3972.39</v>
          </cell>
        </row>
        <row r="784">
          <cell r="A784" t="str">
            <v>HID/00004.62.01</v>
          </cell>
          <cell r="C784">
            <v>1397</v>
          </cell>
          <cell r="F784">
            <v>1397</v>
          </cell>
        </row>
        <row r="785">
          <cell r="A785" t="str">
            <v>HID/00004.63.01</v>
          </cell>
          <cell r="B785">
            <v>0</v>
          </cell>
          <cell r="F785">
            <v>0</v>
          </cell>
        </row>
        <row r="786">
          <cell r="A786" t="str">
            <v>HID/00004.65.01</v>
          </cell>
          <cell r="B786">
            <v>31162.66</v>
          </cell>
          <cell r="F786">
            <v>31162.66</v>
          </cell>
        </row>
        <row r="787">
          <cell r="A787" t="str">
            <v>HID/00004.66.01</v>
          </cell>
          <cell r="B787">
            <v>2708.75</v>
          </cell>
          <cell r="F787">
            <v>2708.75</v>
          </cell>
        </row>
        <row r="788">
          <cell r="A788" t="str">
            <v>HID/00004.67.01</v>
          </cell>
          <cell r="B788">
            <v>102284.28</v>
          </cell>
          <cell r="F788">
            <v>102284.28</v>
          </cell>
        </row>
        <row r="789">
          <cell r="A789" t="str">
            <v>HID/00004.68.01</v>
          </cell>
          <cell r="B789">
            <v>24133.54</v>
          </cell>
          <cell r="F789">
            <v>24133.54</v>
          </cell>
        </row>
        <row r="790">
          <cell r="A790" t="str">
            <v>HID/00004.69.01</v>
          </cell>
          <cell r="B790">
            <v>32898.47</v>
          </cell>
          <cell r="F790">
            <v>32898.47</v>
          </cell>
        </row>
        <row r="791">
          <cell r="A791" t="str">
            <v>HID/00004.70.01</v>
          </cell>
          <cell r="B791">
            <v>66265.429999999993</v>
          </cell>
          <cell r="C791">
            <v>20376.43</v>
          </cell>
          <cell r="F791">
            <v>86641.86</v>
          </cell>
        </row>
        <row r="792">
          <cell r="A792" t="str">
            <v>HID/00004.72.01</v>
          </cell>
          <cell r="B792">
            <v>25596.720000000001</v>
          </cell>
          <cell r="F792">
            <v>25596.720000000001</v>
          </cell>
        </row>
        <row r="793">
          <cell r="A793" t="str">
            <v>HID/00004.73.01</v>
          </cell>
          <cell r="B793">
            <v>72208.42</v>
          </cell>
          <cell r="C793">
            <v>1397.6999999999898</v>
          </cell>
          <cell r="F793">
            <v>73606.12</v>
          </cell>
        </row>
        <row r="794">
          <cell r="A794" t="str">
            <v>HID/00004.74.01</v>
          </cell>
          <cell r="B794">
            <v>48596.75</v>
          </cell>
          <cell r="F794">
            <v>48596.75</v>
          </cell>
        </row>
        <row r="795">
          <cell r="A795" t="str">
            <v>HID/00004.76.01</v>
          </cell>
          <cell r="C795">
            <v>3495</v>
          </cell>
          <cell r="F795">
            <v>3495</v>
          </cell>
        </row>
        <row r="796">
          <cell r="A796" t="str">
            <v>HID/00004.77.01</v>
          </cell>
          <cell r="B796">
            <v>118589.43</v>
          </cell>
          <cell r="C796">
            <v>33149</v>
          </cell>
          <cell r="F796">
            <v>151738.43</v>
          </cell>
        </row>
        <row r="797">
          <cell r="A797" t="str">
            <v>HID/00004.78.01</v>
          </cell>
          <cell r="B797">
            <v>33950.26</v>
          </cell>
          <cell r="F797">
            <v>33950.26</v>
          </cell>
        </row>
        <row r="798">
          <cell r="A798" t="str">
            <v>HID/00004.79.01</v>
          </cell>
          <cell r="B798">
            <v>1024.03</v>
          </cell>
          <cell r="F798">
            <v>1024.03</v>
          </cell>
        </row>
        <row r="799">
          <cell r="A799" t="str">
            <v>HID/00004.80.01</v>
          </cell>
          <cell r="B799">
            <v>93889.97</v>
          </cell>
          <cell r="F799">
            <v>93889.97</v>
          </cell>
        </row>
        <row r="800">
          <cell r="A800" t="str">
            <v>HID/00004.81.01</v>
          </cell>
          <cell r="B800">
            <v>63084.49</v>
          </cell>
          <cell r="F800">
            <v>63084.49</v>
          </cell>
        </row>
        <row r="801">
          <cell r="A801" t="str">
            <v>HID/00004.83.01</v>
          </cell>
          <cell r="B801">
            <v>16384.04</v>
          </cell>
          <cell r="C801">
            <v>89130.81</v>
          </cell>
          <cell r="F801">
            <v>105514.85</v>
          </cell>
        </row>
        <row r="802">
          <cell r="A802" t="str">
            <v>HID/00004.85.01</v>
          </cell>
          <cell r="B802">
            <v>16965.11</v>
          </cell>
          <cell r="F802">
            <v>16965.11</v>
          </cell>
        </row>
        <row r="803">
          <cell r="A803" t="str">
            <v>HID/00004.86.01</v>
          </cell>
          <cell r="B803">
            <v>69600.2</v>
          </cell>
          <cell r="C803">
            <v>30255.74</v>
          </cell>
          <cell r="F803">
            <v>99855.94</v>
          </cell>
        </row>
        <row r="804">
          <cell r="A804" t="str">
            <v>HID/00004.87.01</v>
          </cell>
          <cell r="B804">
            <v>129305.96</v>
          </cell>
          <cell r="C804">
            <v>-289.82</v>
          </cell>
          <cell r="F804">
            <v>129016.14</v>
          </cell>
        </row>
        <row r="805">
          <cell r="A805" t="str">
            <v>HID/00004.88.01</v>
          </cell>
          <cell r="B805">
            <v>144989.01999999999</v>
          </cell>
          <cell r="F805">
            <v>144989.01999999999</v>
          </cell>
        </row>
        <row r="806">
          <cell r="A806" t="str">
            <v>HID/00004.89.01</v>
          </cell>
          <cell r="B806">
            <v>115882.23</v>
          </cell>
          <cell r="C806">
            <v>38817.230000000003</v>
          </cell>
          <cell r="F806">
            <v>154699.46</v>
          </cell>
        </row>
        <row r="807">
          <cell r="A807" t="str">
            <v>HID/00004.90.01</v>
          </cell>
          <cell r="B807">
            <v>86351.76</v>
          </cell>
          <cell r="F807">
            <v>86351.76</v>
          </cell>
        </row>
        <row r="808">
          <cell r="A808" t="str">
            <v>HID/00004.91.01</v>
          </cell>
          <cell r="B808">
            <v>18047.990000000002</v>
          </cell>
          <cell r="F808">
            <v>18047.990000000002</v>
          </cell>
        </row>
        <row r="809">
          <cell r="A809" t="str">
            <v>HID/00004.93.01</v>
          </cell>
          <cell r="B809">
            <v>81180.47</v>
          </cell>
          <cell r="F809">
            <v>81180.47</v>
          </cell>
        </row>
        <row r="810">
          <cell r="A810" t="str">
            <v>HID/00004.95.01</v>
          </cell>
          <cell r="B810">
            <v>125920.95</v>
          </cell>
          <cell r="C810">
            <v>-6187.28</v>
          </cell>
          <cell r="F810">
            <v>119733.67</v>
          </cell>
        </row>
        <row r="811">
          <cell r="A811" t="str">
            <v>HID/00004.96.01</v>
          </cell>
          <cell r="C811">
            <v>211475.23</v>
          </cell>
          <cell r="F811">
            <v>211475.23</v>
          </cell>
        </row>
        <row r="812">
          <cell r="A812" t="str">
            <v>HID/00005.01.01</v>
          </cell>
          <cell r="B812">
            <v>1658.97</v>
          </cell>
          <cell r="F812">
            <v>1658.97</v>
          </cell>
        </row>
        <row r="813">
          <cell r="A813" t="str">
            <v>HID/00005.02.01</v>
          </cell>
          <cell r="B813">
            <v>0</v>
          </cell>
          <cell r="F813">
            <v>0</v>
          </cell>
        </row>
        <row r="814">
          <cell r="A814" t="str">
            <v>HID/00005.03.01</v>
          </cell>
          <cell r="B814">
            <v>0</v>
          </cell>
          <cell r="F814">
            <v>0</v>
          </cell>
        </row>
        <row r="815">
          <cell r="A815" t="str">
            <v>HID/00006.01.01</v>
          </cell>
          <cell r="B815">
            <v>848.21</v>
          </cell>
          <cell r="F815">
            <v>848.21</v>
          </cell>
        </row>
        <row r="816">
          <cell r="A816" t="str">
            <v>HID/00006.02.01</v>
          </cell>
          <cell r="E816">
            <v>6</v>
          </cell>
          <cell r="F816">
            <v>6</v>
          </cell>
        </row>
        <row r="817">
          <cell r="A817" t="str">
            <v>HID/00006.03.01</v>
          </cell>
          <cell r="B817">
            <v>1013.94</v>
          </cell>
          <cell r="F817">
            <v>1013.94</v>
          </cell>
        </row>
        <row r="818">
          <cell r="A818" t="str">
            <v>HID/00007.01.01</v>
          </cell>
          <cell r="B818">
            <v>0</v>
          </cell>
          <cell r="F818">
            <v>0</v>
          </cell>
        </row>
        <row r="819">
          <cell r="A819" t="str">
            <v>HID/00007.02.01</v>
          </cell>
          <cell r="D819">
            <v>71740.38</v>
          </cell>
          <cell r="E819">
            <v>145756.23000000001</v>
          </cell>
          <cell r="F819">
            <v>217496.61</v>
          </cell>
        </row>
        <row r="820">
          <cell r="A820" t="str">
            <v>HID/00007.03.01</v>
          </cell>
          <cell r="B820">
            <v>42900.5</v>
          </cell>
          <cell r="F820">
            <v>42900.5</v>
          </cell>
        </row>
        <row r="821">
          <cell r="A821" t="str">
            <v>HID/00007.05.01</v>
          </cell>
          <cell r="B821">
            <v>29969.63</v>
          </cell>
          <cell r="C821">
            <v>14932.76</v>
          </cell>
          <cell r="F821">
            <v>44902.39</v>
          </cell>
        </row>
        <row r="822">
          <cell r="A822" t="str">
            <v>HID/00007.06.01</v>
          </cell>
          <cell r="B822">
            <v>9871.85</v>
          </cell>
          <cell r="F822">
            <v>9871.85</v>
          </cell>
        </row>
        <row r="823">
          <cell r="A823" t="str">
            <v>HID/00007.07.01</v>
          </cell>
          <cell r="B823">
            <v>2033.75</v>
          </cell>
          <cell r="C823">
            <v>28490.1</v>
          </cell>
          <cell r="F823">
            <v>30523.85</v>
          </cell>
        </row>
        <row r="824">
          <cell r="A824" t="str">
            <v>HID/00007.08.01</v>
          </cell>
          <cell r="B824">
            <v>1398</v>
          </cell>
          <cell r="C824">
            <v>25102.21</v>
          </cell>
          <cell r="F824">
            <v>26500.21</v>
          </cell>
        </row>
        <row r="825">
          <cell r="A825" t="str">
            <v>HID/00007.09.01</v>
          </cell>
          <cell r="B825">
            <v>510</v>
          </cell>
          <cell r="C825">
            <v>1239.46</v>
          </cell>
          <cell r="F825">
            <v>1749.46</v>
          </cell>
        </row>
        <row r="826">
          <cell r="A826" t="str">
            <v>HID/00007.12.01</v>
          </cell>
          <cell r="B826">
            <v>12398.87</v>
          </cell>
          <cell r="E826">
            <v>0</v>
          </cell>
          <cell r="F826">
            <v>12398.87</v>
          </cell>
        </row>
        <row r="827">
          <cell r="A827" t="str">
            <v>HID/00007.14.01</v>
          </cell>
          <cell r="C827">
            <v>6375.55</v>
          </cell>
          <cell r="D827">
            <v>21422.65</v>
          </cell>
          <cell r="F827">
            <v>27798.2</v>
          </cell>
        </row>
        <row r="828">
          <cell r="A828" t="str">
            <v>HID/00007.15.01</v>
          </cell>
          <cell r="D828">
            <v>19000</v>
          </cell>
          <cell r="E828">
            <v>21356.13</v>
          </cell>
          <cell r="F828">
            <v>40356.129999999997</v>
          </cell>
        </row>
        <row r="829">
          <cell r="A829" t="str">
            <v>HID/00007.16.01</v>
          </cell>
          <cell r="E829">
            <v>29729.62</v>
          </cell>
          <cell r="F829">
            <v>29729.62</v>
          </cell>
        </row>
        <row r="830">
          <cell r="A830" t="str">
            <v>HID/00007.17.01</v>
          </cell>
          <cell r="E830">
            <v>59886.37</v>
          </cell>
          <cell r="F830">
            <v>59886.37</v>
          </cell>
        </row>
        <row r="831">
          <cell r="A831" t="str">
            <v>HID/00007.18.01</v>
          </cell>
          <cell r="E831">
            <v>61725.99</v>
          </cell>
          <cell r="F831">
            <v>61725.99</v>
          </cell>
        </row>
        <row r="832">
          <cell r="A832" t="str">
            <v>HID/00007.20.01</v>
          </cell>
          <cell r="E832">
            <v>36755</v>
          </cell>
          <cell r="F832">
            <v>36755</v>
          </cell>
        </row>
        <row r="833">
          <cell r="A833" t="str">
            <v>HID/00007.21.01</v>
          </cell>
          <cell r="E833">
            <v>11692.24</v>
          </cell>
          <cell r="F833">
            <v>11692.24</v>
          </cell>
        </row>
        <row r="834">
          <cell r="A834" t="str">
            <v>HID/00008.01.01</v>
          </cell>
          <cell r="B834">
            <v>720</v>
          </cell>
          <cell r="F834">
            <v>720</v>
          </cell>
        </row>
        <row r="835">
          <cell r="A835" t="str">
            <v>HID/00008.03.01</v>
          </cell>
          <cell r="B835">
            <v>37646.25</v>
          </cell>
          <cell r="F835">
            <v>37646.25</v>
          </cell>
        </row>
        <row r="836">
          <cell r="A836" t="str">
            <v>HID/00008.04.01</v>
          </cell>
          <cell r="B836">
            <v>5342.5</v>
          </cell>
          <cell r="C836">
            <v>128.85</v>
          </cell>
          <cell r="F836">
            <v>5471.35</v>
          </cell>
        </row>
        <row r="837">
          <cell r="A837" t="str">
            <v>HID/00008.05.01</v>
          </cell>
          <cell r="B837">
            <v>180</v>
          </cell>
          <cell r="F837">
            <v>180</v>
          </cell>
        </row>
        <row r="838">
          <cell r="A838" t="str">
            <v>HID/00008.06.01</v>
          </cell>
          <cell r="B838">
            <v>292.5</v>
          </cell>
          <cell r="C838">
            <v>2033.95</v>
          </cell>
          <cell r="E838">
            <v>4.5474735088646412E-13</v>
          </cell>
          <cell r="F838">
            <v>2326.4499999999998</v>
          </cell>
        </row>
        <row r="839">
          <cell r="A839" t="str">
            <v>HID/00008.07.01</v>
          </cell>
          <cell r="B839">
            <v>104918</v>
          </cell>
          <cell r="F839">
            <v>104918</v>
          </cell>
        </row>
        <row r="840">
          <cell r="A840" t="str">
            <v>HID/00010.01.01</v>
          </cell>
          <cell r="B840">
            <v>1.7053025658242404E-13</v>
          </cell>
          <cell r="F840">
            <v>1.7053025658242404E-13</v>
          </cell>
        </row>
        <row r="841">
          <cell r="A841" t="str">
            <v>HID/00010.02.01</v>
          </cell>
          <cell r="B841">
            <v>36000</v>
          </cell>
          <cell r="F841">
            <v>36000</v>
          </cell>
        </row>
        <row r="842">
          <cell r="A842" t="str">
            <v>HID/00010.03.01</v>
          </cell>
          <cell r="B842">
            <v>0</v>
          </cell>
          <cell r="F842">
            <v>0</v>
          </cell>
        </row>
        <row r="843">
          <cell r="A843" t="str">
            <v>HID/00010.04.01</v>
          </cell>
          <cell r="B843">
            <v>-1.8189894035458565E-12</v>
          </cell>
          <cell r="F843">
            <v>-1.8189894035458565E-12</v>
          </cell>
        </row>
        <row r="844">
          <cell r="A844" t="str">
            <v>HID/00010.05.01</v>
          </cell>
          <cell r="B844">
            <v>0</v>
          </cell>
          <cell r="F844">
            <v>0</v>
          </cell>
        </row>
        <row r="845">
          <cell r="A845" t="str">
            <v>HID/00010.06.01</v>
          </cell>
          <cell r="B845">
            <v>-8.5265128291212022E-14</v>
          </cell>
          <cell r="F845">
            <v>-8.5265128291212022E-14</v>
          </cell>
        </row>
        <row r="846">
          <cell r="A846" t="str">
            <v>HID/00010.07.01</v>
          </cell>
          <cell r="B846">
            <v>0</v>
          </cell>
          <cell r="F846">
            <v>0</v>
          </cell>
        </row>
        <row r="847">
          <cell r="A847" t="str">
            <v>HID/00010.08.01</v>
          </cell>
          <cell r="B847">
            <v>0</v>
          </cell>
          <cell r="F847">
            <v>0</v>
          </cell>
        </row>
        <row r="848">
          <cell r="A848" t="str">
            <v>HID/00010.09.01</v>
          </cell>
          <cell r="B848">
            <v>-9.0949470177292824E-13</v>
          </cell>
          <cell r="F848">
            <v>-9.0949470177292824E-13</v>
          </cell>
        </row>
        <row r="849">
          <cell r="A849" t="str">
            <v>HID/00010.10.01</v>
          </cell>
          <cell r="B849">
            <v>0</v>
          </cell>
          <cell r="F849">
            <v>0</v>
          </cell>
        </row>
        <row r="850">
          <cell r="A850" t="str">
            <v>HID/00010.11.01</v>
          </cell>
          <cell r="B850">
            <v>0</v>
          </cell>
          <cell r="F850">
            <v>0</v>
          </cell>
        </row>
        <row r="851">
          <cell r="A851" t="str">
            <v>HID/00010.12.01</v>
          </cell>
          <cell r="B851">
            <v>9.0949470177292824E-13</v>
          </cell>
          <cell r="F851">
            <v>9.0949470177292824E-13</v>
          </cell>
        </row>
        <row r="852">
          <cell r="A852" t="str">
            <v>HID/00010.13.01</v>
          </cell>
          <cell r="B852">
            <v>9.0949470177292824E-13</v>
          </cell>
          <cell r="F852">
            <v>9.0949470177292824E-13</v>
          </cell>
        </row>
        <row r="853">
          <cell r="A853" t="str">
            <v>HID/00010.14.01</v>
          </cell>
          <cell r="B853">
            <v>0</v>
          </cell>
          <cell r="F853">
            <v>0</v>
          </cell>
        </row>
        <row r="854">
          <cell r="A854" t="str">
            <v>HID/00011.02.01</v>
          </cell>
          <cell r="B854">
            <v>13969.59</v>
          </cell>
          <cell r="F854">
            <v>13969.59</v>
          </cell>
        </row>
        <row r="855">
          <cell r="A855" t="str">
            <v>HID/00011.03.01</v>
          </cell>
          <cell r="B855">
            <v>66511.929999999993</v>
          </cell>
          <cell r="F855">
            <v>66511.929999999993</v>
          </cell>
        </row>
        <row r="856">
          <cell r="A856" t="str">
            <v>HID/00011.04.01</v>
          </cell>
          <cell r="B856">
            <v>30000</v>
          </cell>
          <cell r="F856">
            <v>30000</v>
          </cell>
        </row>
        <row r="857">
          <cell r="A857" t="str">
            <v>HID/00011.14.01</v>
          </cell>
          <cell r="E857">
            <v>0</v>
          </cell>
          <cell r="F857">
            <v>0</v>
          </cell>
        </row>
        <row r="858">
          <cell r="A858" t="str">
            <v>HID/00011.15.01</v>
          </cell>
          <cell r="C858">
            <v>17040.509999999998</v>
          </cell>
          <cell r="D858">
            <v>8894.6299999999992</v>
          </cell>
          <cell r="F858">
            <v>25935.14</v>
          </cell>
        </row>
        <row r="859">
          <cell r="A859" t="str">
            <v>HID/00011.20.01</v>
          </cell>
          <cell r="C859">
            <v>10961.01</v>
          </cell>
          <cell r="D859">
            <v>71.099999999999994</v>
          </cell>
          <cell r="F859">
            <v>11032.11</v>
          </cell>
        </row>
        <row r="860">
          <cell r="A860" t="str">
            <v>HID/00011.21.01</v>
          </cell>
          <cell r="C860">
            <v>15000</v>
          </cell>
          <cell r="F860">
            <v>15000</v>
          </cell>
        </row>
        <row r="861">
          <cell r="A861" t="str">
            <v>HID/00011.23.01</v>
          </cell>
          <cell r="C861">
            <v>62315.29</v>
          </cell>
          <cell r="F861">
            <v>62315.29</v>
          </cell>
        </row>
        <row r="862">
          <cell r="A862" t="str">
            <v>HID/00011.24.01</v>
          </cell>
          <cell r="C862">
            <v>78413.39</v>
          </cell>
          <cell r="F862">
            <v>78413.39</v>
          </cell>
        </row>
        <row r="863">
          <cell r="A863" t="str">
            <v>HID/00011.26.01</v>
          </cell>
          <cell r="E863">
            <v>0</v>
          </cell>
          <cell r="F863">
            <v>0</v>
          </cell>
        </row>
        <row r="864">
          <cell r="A864" t="str">
            <v>HID/00011.27.01</v>
          </cell>
          <cell r="C864">
            <v>972982.1</v>
          </cell>
          <cell r="D864">
            <v>60.2</v>
          </cell>
          <cell r="F864">
            <v>973042.3</v>
          </cell>
        </row>
        <row r="865">
          <cell r="A865" t="str">
            <v>HID/00011.29.01</v>
          </cell>
          <cell r="C865">
            <v>30119.88</v>
          </cell>
          <cell r="D865">
            <v>153.02000000000001</v>
          </cell>
          <cell r="F865">
            <v>30272.9</v>
          </cell>
        </row>
        <row r="866">
          <cell r="A866" t="str">
            <v>HID/00011.30.01</v>
          </cell>
          <cell r="C866">
            <v>16513.39</v>
          </cell>
          <cell r="D866">
            <v>189.13</v>
          </cell>
          <cell r="F866">
            <v>16702.52</v>
          </cell>
        </row>
        <row r="867">
          <cell r="A867" t="str">
            <v>HID/00011.31.01</v>
          </cell>
          <cell r="C867">
            <v>21667.05</v>
          </cell>
          <cell r="D867">
            <v>1019.06</v>
          </cell>
          <cell r="F867">
            <v>22686.11</v>
          </cell>
        </row>
        <row r="868">
          <cell r="A868" t="str">
            <v>HID/00011.32.01</v>
          </cell>
          <cell r="C868">
            <v>6163.5</v>
          </cell>
          <cell r="D868">
            <v>173.2</v>
          </cell>
          <cell r="F868">
            <v>6336.7</v>
          </cell>
        </row>
        <row r="869">
          <cell r="A869" t="str">
            <v>HID/00011.33.01</v>
          </cell>
          <cell r="C869">
            <v>3800</v>
          </cell>
          <cell r="D869">
            <v>227.1</v>
          </cell>
          <cell r="F869">
            <v>4027.1</v>
          </cell>
        </row>
        <row r="870">
          <cell r="A870" t="str">
            <v>HID/00011.34.01</v>
          </cell>
          <cell r="C870">
            <v>9491.5</v>
          </cell>
          <cell r="D870">
            <v>36373.35</v>
          </cell>
          <cell r="F870">
            <v>45864.85</v>
          </cell>
        </row>
        <row r="871">
          <cell r="A871" t="str">
            <v>HID/00011.35.01</v>
          </cell>
          <cell r="C871">
            <v>8563.99</v>
          </cell>
          <cell r="D871">
            <v>25936.43</v>
          </cell>
          <cell r="F871">
            <v>34500.42</v>
          </cell>
        </row>
        <row r="872">
          <cell r="A872" t="str">
            <v>HID/00011.36.01</v>
          </cell>
          <cell r="C872">
            <v>3536.51</v>
          </cell>
          <cell r="D872">
            <v>6561.98</v>
          </cell>
          <cell r="F872">
            <v>10098.49</v>
          </cell>
        </row>
        <row r="873">
          <cell r="A873" t="str">
            <v>HID/00011.37.01</v>
          </cell>
          <cell r="C873">
            <v>1850</v>
          </cell>
          <cell r="D873">
            <v>64.3</v>
          </cell>
          <cell r="F873">
            <v>1914.3</v>
          </cell>
        </row>
        <row r="874">
          <cell r="A874" t="str">
            <v>HID/00011.38.01</v>
          </cell>
          <cell r="C874">
            <v>3850</v>
          </cell>
          <cell r="D874">
            <v>8082.41</v>
          </cell>
          <cell r="F874">
            <v>11932.41</v>
          </cell>
        </row>
        <row r="875">
          <cell r="A875" t="str">
            <v>HID/00011.39.01</v>
          </cell>
          <cell r="C875">
            <v>2750</v>
          </cell>
          <cell r="F875">
            <v>2750</v>
          </cell>
        </row>
        <row r="876">
          <cell r="A876" t="str">
            <v>HID/00011.40.01</v>
          </cell>
          <cell r="C876">
            <v>4850</v>
          </cell>
          <cell r="D876">
            <v>5412.42</v>
          </cell>
          <cell r="F876">
            <v>10262.42</v>
          </cell>
        </row>
        <row r="877">
          <cell r="A877" t="str">
            <v>HID/00011.41.01</v>
          </cell>
          <cell r="C877">
            <v>2000</v>
          </cell>
          <cell r="D877">
            <v>1223.51</v>
          </cell>
          <cell r="F877">
            <v>3223.51</v>
          </cell>
        </row>
        <row r="878">
          <cell r="A878" t="str">
            <v>HID/00011.42.01</v>
          </cell>
          <cell r="C878">
            <v>19415</v>
          </cell>
          <cell r="D878">
            <v>3437.72</v>
          </cell>
          <cell r="F878">
            <v>22852.720000000001</v>
          </cell>
        </row>
        <row r="879">
          <cell r="A879" t="str">
            <v>HID/00011.43.01</v>
          </cell>
          <cell r="D879">
            <v>831660.55</v>
          </cell>
          <cell r="E879">
            <v>14023.15</v>
          </cell>
          <cell r="F879">
            <v>845683.7</v>
          </cell>
        </row>
        <row r="880">
          <cell r="A880" t="str">
            <v>HID/00011.44.01</v>
          </cell>
          <cell r="D880">
            <v>97547.14</v>
          </cell>
          <cell r="E880">
            <v>8757.89</v>
          </cell>
          <cell r="F880">
            <v>106305.03</v>
          </cell>
        </row>
        <row r="881">
          <cell r="A881" t="str">
            <v>HID/00011.49.01</v>
          </cell>
          <cell r="D881">
            <v>0</v>
          </cell>
          <cell r="F881">
            <v>0</v>
          </cell>
        </row>
        <row r="882">
          <cell r="A882" t="str">
            <v>HID/00011.50.01</v>
          </cell>
          <cell r="D882">
            <v>26977</v>
          </cell>
          <cell r="F882">
            <v>26977</v>
          </cell>
        </row>
        <row r="883">
          <cell r="A883" t="str">
            <v>HID/00011.51.01</v>
          </cell>
          <cell r="D883">
            <v>76828.320000000007</v>
          </cell>
          <cell r="E883">
            <v>5922.5</v>
          </cell>
          <cell r="F883">
            <v>82750.820000000007</v>
          </cell>
        </row>
        <row r="884">
          <cell r="A884" t="str">
            <v>HID/00011.52.01</v>
          </cell>
          <cell r="D884">
            <v>130820.08</v>
          </cell>
          <cell r="E884">
            <v>4140</v>
          </cell>
          <cell r="F884">
            <v>134960.07999999999</v>
          </cell>
        </row>
        <row r="885">
          <cell r="A885" t="str">
            <v>HID/00011.53.01</v>
          </cell>
          <cell r="D885">
            <v>149928.99</v>
          </cell>
          <cell r="F885">
            <v>149928.99</v>
          </cell>
        </row>
        <row r="886">
          <cell r="A886" t="str">
            <v>HID/00011.54.01</v>
          </cell>
          <cell r="D886">
            <v>14062.1</v>
          </cell>
          <cell r="F886">
            <v>14062.1</v>
          </cell>
        </row>
        <row r="887">
          <cell r="A887" t="str">
            <v>HID/00011.55.01</v>
          </cell>
          <cell r="D887">
            <v>29247.94</v>
          </cell>
          <cell r="E887">
            <v>2536.35</v>
          </cell>
          <cell r="F887">
            <v>31784.29</v>
          </cell>
        </row>
        <row r="888">
          <cell r="A888" t="str">
            <v>HID/00011.56.01</v>
          </cell>
          <cell r="D888">
            <v>14037</v>
          </cell>
          <cell r="E888">
            <v>1167.93</v>
          </cell>
          <cell r="F888">
            <v>15204.93</v>
          </cell>
        </row>
        <row r="889">
          <cell r="A889" t="str">
            <v>HID/00011.57.01</v>
          </cell>
          <cell r="D889">
            <v>13932</v>
          </cell>
          <cell r="E889">
            <v>1039.5</v>
          </cell>
          <cell r="F889">
            <v>14971.5</v>
          </cell>
        </row>
        <row r="890">
          <cell r="A890" t="str">
            <v>HID/00011.58.01</v>
          </cell>
          <cell r="D890">
            <v>20263.419999999998</v>
          </cell>
          <cell r="E890">
            <v>1444.5</v>
          </cell>
          <cell r="F890">
            <v>21707.919999999998</v>
          </cell>
        </row>
        <row r="891">
          <cell r="A891" t="str">
            <v>HID/00011.59.01</v>
          </cell>
          <cell r="D891">
            <v>3519</v>
          </cell>
          <cell r="E891">
            <v>6543.5</v>
          </cell>
          <cell r="F891">
            <v>10062.5</v>
          </cell>
        </row>
        <row r="892">
          <cell r="A892" t="str">
            <v>HID/00011.60.01</v>
          </cell>
          <cell r="D892">
            <v>21513</v>
          </cell>
          <cell r="E892">
            <v>3439.68</v>
          </cell>
          <cell r="F892">
            <v>24952.68</v>
          </cell>
        </row>
        <row r="893">
          <cell r="A893" t="str">
            <v>HID/00011.62.01</v>
          </cell>
          <cell r="D893">
            <v>2147.35</v>
          </cell>
          <cell r="E893">
            <v>17919.580000000002</v>
          </cell>
          <cell r="F893">
            <v>20066.93</v>
          </cell>
        </row>
        <row r="894">
          <cell r="A894" t="str">
            <v>HID/00011.63.01</v>
          </cell>
          <cell r="D894">
            <v>10420</v>
          </cell>
          <cell r="E894">
            <v>2335.5</v>
          </cell>
          <cell r="F894">
            <v>12755.5</v>
          </cell>
        </row>
        <row r="895">
          <cell r="A895" t="str">
            <v>HID/00011.64.01</v>
          </cell>
          <cell r="E895">
            <v>5457.91</v>
          </cell>
          <cell r="F895">
            <v>5457.91</v>
          </cell>
        </row>
        <row r="896">
          <cell r="A896" t="str">
            <v>HID/00011.65.01</v>
          </cell>
          <cell r="E896">
            <v>18011.5</v>
          </cell>
          <cell r="F896">
            <v>18011.5</v>
          </cell>
        </row>
        <row r="897">
          <cell r="A897" t="str">
            <v>HID/00011.66.01</v>
          </cell>
          <cell r="E897">
            <v>40766.28</v>
          </cell>
          <cell r="F897">
            <v>40766.28</v>
          </cell>
        </row>
        <row r="898">
          <cell r="A898" t="str">
            <v>HID/00011.67.01</v>
          </cell>
          <cell r="E898">
            <v>4817</v>
          </cell>
          <cell r="F898">
            <v>4817</v>
          </cell>
        </row>
        <row r="899">
          <cell r="A899" t="str">
            <v>HID/00011.68.01</v>
          </cell>
          <cell r="E899">
            <v>696</v>
          </cell>
          <cell r="F899">
            <v>696</v>
          </cell>
        </row>
        <row r="900">
          <cell r="A900" t="str">
            <v>HID/00011.69.01</v>
          </cell>
          <cell r="E900">
            <v>81809.820000000007</v>
          </cell>
          <cell r="F900">
            <v>81809.820000000007</v>
          </cell>
        </row>
        <row r="901">
          <cell r="A901" t="str">
            <v>HID/00011.70.01</v>
          </cell>
          <cell r="E901">
            <v>15000</v>
          </cell>
          <cell r="F901">
            <v>15000</v>
          </cell>
        </row>
        <row r="902">
          <cell r="A902" t="str">
            <v>HID/00011.71.01</v>
          </cell>
          <cell r="E902">
            <v>14976</v>
          </cell>
          <cell r="F902">
            <v>14976</v>
          </cell>
        </row>
        <row r="903">
          <cell r="A903" t="str">
            <v>HID/00011.72.01</v>
          </cell>
          <cell r="E903">
            <v>29866.799999999999</v>
          </cell>
          <cell r="F903">
            <v>29866.799999999999</v>
          </cell>
        </row>
        <row r="904">
          <cell r="A904" t="str">
            <v>HID/00011.73.01</v>
          </cell>
          <cell r="E904">
            <v>82287.22</v>
          </cell>
          <cell r="F904">
            <v>82287.22</v>
          </cell>
        </row>
        <row r="905">
          <cell r="A905" t="str">
            <v>HID/00011.74.01</v>
          </cell>
          <cell r="E905">
            <v>42248.58</v>
          </cell>
          <cell r="F905">
            <v>42248.58</v>
          </cell>
        </row>
        <row r="906">
          <cell r="A906" t="str">
            <v>HID/00011.75.01</v>
          </cell>
          <cell r="E906">
            <v>30876.86</v>
          </cell>
          <cell r="F906">
            <v>30876.86</v>
          </cell>
        </row>
        <row r="907">
          <cell r="A907" t="str">
            <v>HID/00011.76.01</v>
          </cell>
          <cell r="E907">
            <v>15384</v>
          </cell>
          <cell r="F907">
            <v>15384</v>
          </cell>
        </row>
        <row r="908">
          <cell r="A908" t="str">
            <v>HID/00011.77.01</v>
          </cell>
          <cell r="E908">
            <v>2760</v>
          </cell>
          <cell r="F908">
            <v>2760</v>
          </cell>
        </row>
        <row r="909">
          <cell r="A909" t="str">
            <v>HID/00012.01.01</v>
          </cell>
          <cell r="B909">
            <v>61427.26</v>
          </cell>
          <cell r="C909">
            <v>64142.9</v>
          </cell>
          <cell r="D909">
            <v>0</v>
          </cell>
          <cell r="F909">
            <v>125570.16</v>
          </cell>
        </row>
        <row r="910">
          <cell r="A910" t="str">
            <v>HID/00012.02.01</v>
          </cell>
          <cell r="D910">
            <v>1.2079226507921703E-13</v>
          </cell>
          <cell r="F910">
            <v>1.2079226507921703E-13</v>
          </cell>
        </row>
        <row r="911">
          <cell r="A911" t="str">
            <v>HID/00012.03.01</v>
          </cell>
          <cell r="D911">
            <v>2.9558577807620168E-12</v>
          </cell>
          <cell r="E911">
            <v>2115.9499999999998</v>
          </cell>
          <cell r="F911">
            <v>2115.9499999999998</v>
          </cell>
        </row>
        <row r="912">
          <cell r="A912" t="str">
            <v>HID/00012.04.01</v>
          </cell>
          <cell r="E912">
            <v>92595.94</v>
          </cell>
          <cell r="F912">
            <v>92595.94</v>
          </cell>
        </row>
        <row r="913">
          <cell r="A913" t="str">
            <v>HID/00012.06.01</v>
          </cell>
          <cell r="E913">
            <v>12780.5</v>
          </cell>
          <cell r="F913">
            <v>12780.5</v>
          </cell>
        </row>
        <row r="914">
          <cell r="A914" t="str">
            <v>HID/00014.01.01</v>
          </cell>
          <cell r="B914">
            <v>1497</v>
          </cell>
          <cell r="F914">
            <v>1497</v>
          </cell>
        </row>
        <row r="915">
          <cell r="A915" t="str">
            <v>HID/00014.02.01</v>
          </cell>
          <cell r="C915">
            <v>715.1</v>
          </cell>
          <cell r="D915">
            <v>68512.289999999994</v>
          </cell>
          <cell r="F915">
            <v>69227.39</v>
          </cell>
        </row>
        <row r="916">
          <cell r="A916" t="str">
            <v>HID/00014.03.01</v>
          </cell>
          <cell r="D916">
            <v>7000</v>
          </cell>
          <cell r="E916">
            <v>10739.38</v>
          </cell>
          <cell r="F916">
            <v>17739.38</v>
          </cell>
        </row>
        <row r="917">
          <cell r="A917" t="str">
            <v>HID/00014.04.01</v>
          </cell>
          <cell r="E917">
            <v>8960</v>
          </cell>
          <cell r="F917">
            <v>8960</v>
          </cell>
        </row>
        <row r="918">
          <cell r="A918" t="str">
            <v>HID/00015.03.01</v>
          </cell>
          <cell r="D918">
            <v>0</v>
          </cell>
          <cell r="F918">
            <v>0</v>
          </cell>
        </row>
        <row r="919">
          <cell r="A919" t="str">
            <v>HID/00015.07.01</v>
          </cell>
          <cell r="B919">
            <v>0</v>
          </cell>
          <cell r="F919">
            <v>0</v>
          </cell>
        </row>
        <row r="920">
          <cell r="A920" t="str">
            <v>HID/00015.08.01</v>
          </cell>
          <cell r="B920">
            <v>16722.75</v>
          </cell>
          <cell r="F920">
            <v>16722.75</v>
          </cell>
        </row>
        <row r="921">
          <cell r="A921" t="str">
            <v>HID/00015.09.01</v>
          </cell>
          <cell r="B921">
            <v>8000</v>
          </cell>
          <cell r="F921">
            <v>8000</v>
          </cell>
        </row>
        <row r="922">
          <cell r="A922" t="str">
            <v>HID/00015.10.01</v>
          </cell>
          <cell r="B922">
            <v>5205.21</v>
          </cell>
          <cell r="F922">
            <v>5205.21</v>
          </cell>
        </row>
        <row r="923">
          <cell r="A923" t="str">
            <v>HID/00015.11.01</v>
          </cell>
          <cell r="B923">
            <v>8300.08</v>
          </cell>
          <cell r="C923">
            <v>8854.83</v>
          </cell>
          <cell r="F923">
            <v>17154.91</v>
          </cell>
        </row>
        <row r="924">
          <cell r="A924" t="str">
            <v>HID/00015.12.01</v>
          </cell>
          <cell r="B924">
            <v>0</v>
          </cell>
          <cell r="F924">
            <v>0</v>
          </cell>
        </row>
        <row r="925">
          <cell r="A925" t="str">
            <v>HID/00015.16.01</v>
          </cell>
          <cell r="B925">
            <v>78305.289999999994</v>
          </cell>
          <cell r="C925">
            <v>414</v>
          </cell>
          <cell r="F925">
            <v>78719.289999999994</v>
          </cell>
        </row>
        <row r="926">
          <cell r="A926" t="str">
            <v>HID/00015.17.01</v>
          </cell>
          <cell r="B926">
            <v>16181.75</v>
          </cell>
          <cell r="C926">
            <v>3381.56</v>
          </cell>
          <cell r="F926">
            <v>19563.310000000001</v>
          </cell>
        </row>
        <row r="927">
          <cell r="A927" t="str">
            <v>HID/00015.19.01</v>
          </cell>
          <cell r="B927">
            <v>20781.32</v>
          </cell>
          <cell r="C927">
            <v>2874.68</v>
          </cell>
          <cell r="F927">
            <v>23656</v>
          </cell>
        </row>
        <row r="928">
          <cell r="A928" t="str">
            <v>HID/00015.20.01</v>
          </cell>
          <cell r="B928">
            <v>39159.29</v>
          </cell>
          <cell r="C928">
            <v>0</v>
          </cell>
          <cell r="F928">
            <v>39159.29</v>
          </cell>
        </row>
        <row r="929">
          <cell r="A929" t="str">
            <v>HID/00015.21.01</v>
          </cell>
          <cell r="B929">
            <v>12063.62</v>
          </cell>
          <cell r="C929">
            <v>1069.49</v>
          </cell>
          <cell r="F929">
            <v>13133.11</v>
          </cell>
        </row>
        <row r="930">
          <cell r="A930" t="str">
            <v>HID/00015.22.01</v>
          </cell>
          <cell r="B930">
            <v>25792.83</v>
          </cell>
          <cell r="F930">
            <v>25792.83</v>
          </cell>
        </row>
        <row r="931">
          <cell r="A931" t="str">
            <v>HID/00015.23.01</v>
          </cell>
          <cell r="B931">
            <v>7389.9</v>
          </cell>
          <cell r="F931">
            <v>7389.9</v>
          </cell>
        </row>
        <row r="932">
          <cell r="A932" t="str">
            <v>HID/00017.01.01</v>
          </cell>
          <cell r="B932">
            <v>0</v>
          </cell>
          <cell r="F932">
            <v>0</v>
          </cell>
        </row>
        <row r="933">
          <cell r="A933" t="str">
            <v>HID/00017.02.01</v>
          </cell>
          <cell r="B933">
            <v>434.54</v>
          </cell>
          <cell r="F933">
            <v>434.54</v>
          </cell>
        </row>
        <row r="934">
          <cell r="A934" t="str">
            <v>HID/00017.03.01</v>
          </cell>
          <cell r="B934">
            <v>-4.75175454539567E-13</v>
          </cell>
          <cell r="F934">
            <v>-4.75175454539567E-13</v>
          </cell>
        </row>
        <row r="935">
          <cell r="A935" t="str">
            <v>HID/00017.04.01</v>
          </cell>
          <cell r="B935">
            <v>-1.5631940186722204E-13</v>
          </cell>
          <cell r="F935">
            <v>-1.5631940186722204E-13</v>
          </cell>
        </row>
        <row r="936">
          <cell r="A936" t="str">
            <v>HID/00017.06.01</v>
          </cell>
          <cell r="B936">
            <v>-1.8474111129762605E-13</v>
          </cell>
          <cell r="F936">
            <v>-1.8474111129762605E-13</v>
          </cell>
        </row>
        <row r="937">
          <cell r="A937" t="str">
            <v>HID/00017.07.01</v>
          </cell>
          <cell r="B937">
            <v>-1.4921397450962104E-13</v>
          </cell>
          <cell r="F937">
            <v>-1.4921397450962104E-13</v>
          </cell>
        </row>
        <row r="938">
          <cell r="A938" t="str">
            <v>HID/00017.08.01</v>
          </cell>
          <cell r="B938">
            <v>0</v>
          </cell>
          <cell r="F938">
            <v>0</v>
          </cell>
        </row>
        <row r="939">
          <cell r="A939" t="str">
            <v>HID/00017.10.01</v>
          </cell>
          <cell r="B939">
            <v>-2.8776980798284058E-13</v>
          </cell>
          <cell r="F939">
            <v>-2.8776980798284058E-13</v>
          </cell>
        </row>
        <row r="940">
          <cell r="A940" t="str">
            <v>HID/00017.12.01</v>
          </cell>
          <cell r="B940">
            <v>6.2172489379008766E-14</v>
          </cell>
          <cell r="F940">
            <v>6.2172489379008766E-14</v>
          </cell>
        </row>
        <row r="941">
          <cell r="A941" t="str">
            <v>HID/00017.13.01</v>
          </cell>
          <cell r="B941">
            <v>0</v>
          </cell>
          <cell r="F941">
            <v>0</v>
          </cell>
        </row>
        <row r="942">
          <cell r="A942" t="str">
            <v>HID/00017.14.01</v>
          </cell>
          <cell r="B942">
            <v>48000</v>
          </cell>
          <cell r="C942">
            <v>-10142.950000000001</v>
          </cell>
          <cell r="F942">
            <v>37857.050000000003</v>
          </cell>
        </row>
        <row r="943">
          <cell r="A943" t="str">
            <v>HID/00017.16.01</v>
          </cell>
          <cell r="B943">
            <v>0</v>
          </cell>
          <cell r="F943">
            <v>0</v>
          </cell>
        </row>
        <row r="944">
          <cell r="A944" t="str">
            <v>HID/00017.18.01</v>
          </cell>
          <cell r="B944">
            <v>3.8102854205135372E-13</v>
          </cell>
          <cell r="F944">
            <v>3.8102854205135372E-13</v>
          </cell>
        </row>
        <row r="945">
          <cell r="A945" t="str">
            <v>HID/00017.20.01</v>
          </cell>
          <cell r="B945">
            <v>-2.3625545964023331E-13</v>
          </cell>
          <cell r="F945">
            <v>-2.3625545964023331E-13</v>
          </cell>
        </row>
        <row r="946">
          <cell r="A946" t="str">
            <v>HID/00017.21.01</v>
          </cell>
          <cell r="B946">
            <v>0</v>
          </cell>
          <cell r="F946">
            <v>0</v>
          </cell>
        </row>
        <row r="947">
          <cell r="A947" t="str">
            <v>HID/00017.22.01</v>
          </cell>
          <cell r="B947">
            <v>0</v>
          </cell>
          <cell r="F947">
            <v>0</v>
          </cell>
        </row>
        <row r="948">
          <cell r="A948" t="str">
            <v>HID/00017.23.01</v>
          </cell>
          <cell r="B948">
            <v>-4.5474735088646412E-13</v>
          </cell>
          <cell r="F948">
            <v>-4.5474735088646412E-13</v>
          </cell>
        </row>
        <row r="949">
          <cell r="A949" t="str">
            <v>HID/00017.24.01</v>
          </cell>
          <cell r="B949">
            <v>0</v>
          </cell>
          <cell r="F949">
            <v>0</v>
          </cell>
        </row>
        <row r="950">
          <cell r="A950" t="str">
            <v>HID/00017.25.01</v>
          </cell>
          <cell r="B950">
            <v>0</v>
          </cell>
          <cell r="F950">
            <v>0</v>
          </cell>
        </row>
        <row r="951">
          <cell r="A951" t="str">
            <v>HID/00017.26.01</v>
          </cell>
          <cell r="B951">
            <v>0</v>
          </cell>
          <cell r="F951">
            <v>0</v>
          </cell>
        </row>
        <row r="952">
          <cell r="A952" t="str">
            <v>HID/00017.27.01</v>
          </cell>
          <cell r="B952">
            <v>-9.1038288019262836E-14</v>
          </cell>
          <cell r="F952">
            <v>-9.1038288019262836E-14</v>
          </cell>
        </row>
        <row r="953">
          <cell r="A953" t="str">
            <v>HID/00017.28.01</v>
          </cell>
          <cell r="B953">
            <v>11468.19</v>
          </cell>
          <cell r="F953">
            <v>11468.19</v>
          </cell>
        </row>
        <row r="954">
          <cell r="A954" t="str">
            <v>HID/00017.29.01</v>
          </cell>
          <cell r="B954">
            <v>41451.56</v>
          </cell>
          <cell r="C954">
            <v>0</v>
          </cell>
          <cell r="F954">
            <v>41451.56</v>
          </cell>
        </row>
        <row r="955">
          <cell r="A955" t="str">
            <v>HID/00017.30.01</v>
          </cell>
          <cell r="B955">
            <v>0</v>
          </cell>
          <cell r="F955">
            <v>0</v>
          </cell>
        </row>
        <row r="956">
          <cell r="A956" t="str">
            <v>HID/00017.32.01</v>
          </cell>
          <cell r="B956">
            <v>0</v>
          </cell>
          <cell r="F956">
            <v>0</v>
          </cell>
        </row>
        <row r="957">
          <cell r="A957" t="str">
            <v>HID/00017.33.01</v>
          </cell>
          <cell r="B957">
            <v>-4.5474735088646412E-13</v>
          </cell>
          <cell r="F957">
            <v>-4.5474735088646412E-13</v>
          </cell>
        </row>
        <row r="958">
          <cell r="A958" t="str">
            <v>HID/00017.34.01</v>
          </cell>
          <cell r="B958">
            <v>0</v>
          </cell>
          <cell r="F958">
            <v>0</v>
          </cell>
        </row>
        <row r="959">
          <cell r="A959" t="str">
            <v>HID/00017.35.01</v>
          </cell>
          <cell r="B959">
            <v>0</v>
          </cell>
          <cell r="F959">
            <v>0</v>
          </cell>
        </row>
        <row r="960">
          <cell r="A960" t="str">
            <v>HID/00017.36.01</v>
          </cell>
          <cell r="B960">
            <v>0</v>
          </cell>
          <cell r="F960">
            <v>0</v>
          </cell>
        </row>
        <row r="961">
          <cell r="A961" t="str">
            <v>HID/00017.38.01</v>
          </cell>
          <cell r="B961">
            <v>0</v>
          </cell>
          <cell r="F961">
            <v>0</v>
          </cell>
        </row>
        <row r="962">
          <cell r="A962" t="str">
            <v>HID/00017.40.01</v>
          </cell>
          <cell r="B962">
            <v>0</v>
          </cell>
          <cell r="F962">
            <v>0</v>
          </cell>
        </row>
        <row r="963">
          <cell r="A963" t="str">
            <v>HID/00017.42.01</v>
          </cell>
          <cell r="B963">
            <v>0</v>
          </cell>
          <cell r="F963">
            <v>0</v>
          </cell>
        </row>
        <row r="964">
          <cell r="A964" t="str">
            <v>HID/00017.43.01</v>
          </cell>
          <cell r="B964">
            <v>-4.5474735088646412E-13</v>
          </cell>
          <cell r="F964">
            <v>-4.5474735088646412E-13</v>
          </cell>
        </row>
        <row r="965">
          <cell r="A965" t="str">
            <v>HID/00017.45.01</v>
          </cell>
          <cell r="B965">
            <v>0</v>
          </cell>
          <cell r="F965">
            <v>0</v>
          </cell>
        </row>
        <row r="966">
          <cell r="A966" t="str">
            <v>HID/00017.46.01</v>
          </cell>
          <cell r="B966">
            <v>17330.830000000002</v>
          </cell>
          <cell r="C966">
            <v>-1.2899999999999698</v>
          </cell>
          <cell r="F966">
            <v>17329.54</v>
          </cell>
        </row>
        <row r="967">
          <cell r="A967" t="str">
            <v>HID/00017.47.01</v>
          </cell>
          <cell r="B967">
            <v>-3.637978807091713E-12</v>
          </cell>
          <cell r="F967">
            <v>-3.637978807091713E-12</v>
          </cell>
        </row>
        <row r="968">
          <cell r="A968" t="str">
            <v>HID/00017.49.01</v>
          </cell>
          <cell r="B968">
            <v>-11.469999999999891</v>
          </cell>
          <cell r="F968">
            <v>-11.469999999999891</v>
          </cell>
        </row>
        <row r="969">
          <cell r="A969" t="str">
            <v>HID/00017.51.01</v>
          </cell>
          <cell r="B969">
            <v>-4.5474735088646412E-13</v>
          </cell>
          <cell r="F969">
            <v>-4.5474735088646412E-13</v>
          </cell>
        </row>
        <row r="970">
          <cell r="A970" t="str">
            <v>HID/00017.53.01</v>
          </cell>
          <cell r="B970">
            <v>0</v>
          </cell>
          <cell r="F970">
            <v>0</v>
          </cell>
        </row>
        <row r="971">
          <cell r="A971" t="str">
            <v>HID/00017.54.01</v>
          </cell>
          <cell r="B971">
            <v>0</v>
          </cell>
          <cell r="F971">
            <v>0</v>
          </cell>
        </row>
        <row r="972">
          <cell r="A972" t="str">
            <v>HID/00017.55.01</v>
          </cell>
          <cell r="B972">
            <v>0</v>
          </cell>
          <cell r="F972">
            <v>0</v>
          </cell>
        </row>
        <row r="973">
          <cell r="A973" t="str">
            <v>HID/00017.56.01</v>
          </cell>
          <cell r="B973">
            <v>0</v>
          </cell>
          <cell r="F973">
            <v>0</v>
          </cell>
        </row>
        <row r="974">
          <cell r="A974" t="str">
            <v>HID/00017.57.01</v>
          </cell>
          <cell r="B974">
            <v>0</v>
          </cell>
          <cell r="F974">
            <v>0</v>
          </cell>
        </row>
        <row r="975">
          <cell r="A975" t="str">
            <v>HID/00017.58.01</v>
          </cell>
          <cell r="B975">
            <v>0</v>
          </cell>
          <cell r="F975">
            <v>0</v>
          </cell>
        </row>
        <row r="976">
          <cell r="A976" t="str">
            <v>HID/00017.59.01</v>
          </cell>
          <cell r="B976">
            <v>0</v>
          </cell>
          <cell r="F976">
            <v>0</v>
          </cell>
        </row>
        <row r="977">
          <cell r="A977" t="str">
            <v>HID/00017.61.01</v>
          </cell>
          <cell r="B977">
            <v>0</v>
          </cell>
          <cell r="F977">
            <v>0</v>
          </cell>
        </row>
        <row r="978">
          <cell r="A978" t="str">
            <v>HID/00017.63.01</v>
          </cell>
          <cell r="B978">
            <v>0</v>
          </cell>
          <cell r="F978">
            <v>0</v>
          </cell>
        </row>
        <row r="979">
          <cell r="A979" t="str">
            <v>HID/00017.64.01</v>
          </cell>
          <cell r="B979">
            <v>0</v>
          </cell>
          <cell r="F979">
            <v>0</v>
          </cell>
        </row>
        <row r="980">
          <cell r="A980" t="str">
            <v>HID/00017.66.01</v>
          </cell>
          <cell r="B980">
            <v>0</v>
          </cell>
          <cell r="F980">
            <v>0</v>
          </cell>
        </row>
        <row r="981">
          <cell r="A981" t="str">
            <v>HID/00017.67.01</v>
          </cell>
          <cell r="B981">
            <v>0</v>
          </cell>
          <cell r="F981">
            <v>0</v>
          </cell>
        </row>
        <row r="982">
          <cell r="A982" t="str">
            <v>HID/00017.70.01</v>
          </cell>
          <cell r="B982">
            <v>0</v>
          </cell>
          <cell r="F982">
            <v>0</v>
          </cell>
        </row>
        <row r="983">
          <cell r="A983" t="str">
            <v>HID/00017.71.01</v>
          </cell>
          <cell r="B983">
            <v>0</v>
          </cell>
          <cell r="F983">
            <v>0</v>
          </cell>
        </row>
        <row r="984">
          <cell r="A984" t="str">
            <v>HID/00017.72.01</v>
          </cell>
          <cell r="B984">
            <v>32528.02</v>
          </cell>
          <cell r="F984">
            <v>32528.02</v>
          </cell>
        </row>
        <row r="985">
          <cell r="A985" t="str">
            <v>HID/00017.73.01</v>
          </cell>
          <cell r="B985">
            <v>189.44</v>
          </cell>
          <cell r="F985">
            <v>189.44</v>
          </cell>
        </row>
        <row r="986">
          <cell r="A986" t="str">
            <v>HID/00017.76.01</v>
          </cell>
          <cell r="B986">
            <v>0</v>
          </cell>
          <cell r="F986">
            <v>0</v>
          </cell>
        </row>
        <row r="987">
          <cell r="A987" t="str">
            <v>HID/00017.77.01</v>
          </cell>
          <cell r="B987">
            <v>79071.17</v>
          </cell>
          <cell r="F987">
            <v>79071.17</v>
          </cell>
        </row>
        <row r="988">
          <cell r="A988" t="str">
            <v>HID/00017.90.01</v>
          </cell>
          <cell r="D988">
            <v>102437.84</v>
          </cell>
          <cell r="E988">
            <v>11070.31</v>
          </cell>
          <cell r="F988">
            <v>113508.15</v>
          </cell>
        </row>
        <row r="989">
          <cell r="A989" t="str">
            <v>HID/00017.94.01</v>
          </cell>
          <cell r="B989">
            <v>2.0000001532025635E-2</v>
          </cell>
          <cell r="F989">
            <v>2.0000001532025635E-2</v>
          </cell>
        </row>
        <row r="990">
          <cell r="A990" t="str">
            <v>HID/00018.01.01</v>
          </cell>
          <cell r="B990">
            <v>40565</v>
          </cell>
          <cell r="C990">
            <v>-1.8189894035458565E-12</v>
          </cell>
          <cell r="F990">
            <v>40565</v>
          </cell>
        </row>
        <row r="991">
          <cell r="A991" t="str">
            <v>HID/00019.01.01</v>
          </cell>
          <cell r="C991">
            <v>2054</v>
          </cell>
          <cell r="F991">
            <v>2054</v>
          </cell>
        </row>
        <row r="992">
          <cell r="A992" t="str">
            <v>HID/00021.01.01</v>
          </cell>
          <cell r="D992">
            <v>90575.15</v>
          </cell>
          <cell r="E992">
            <v>4485.4399999999996</v>
          </cell>
          <cell r="F992">
            <v>95060.59</v>
          </cell>
        </row>
        <row r="993">
          <cell r="A993" t="str">
            <v>HID/00021.02.01</v>
          </cell>
          <cell r="B993">
            <v>-429.84</v>
          </cell>
          <cell r="F993">
            <v>-429.84</v>
          </cell>
        </row>
        <row r="994">
          <cell r="A994" t="str">
            <v>HID/00021.03.01</v>
          </cell>
          <cell r="B994">
            <v>77185.63</v>
          </cell>
          <cell r="F994">
            <v>77185.63</v>
          </cell>
        </row>
        <row r="995">
          <cell r="A995" t="str">
            <v>HID/00021.04.01</v>
          </cell>
          <cell r="B995">
            <v>80956.27</v>
          </cell>
          <cell r="F995">
            <v>80956.27</v>
          </cell>
        </row>
        <row r="996">
          <cell r="A996" t="str">
            <v>HID/00021.05.01</v>
          </cell>
          <cell r="B996">
            <v>3002.38</v>
          </cell>
          <cell r="F996">
            <v>3002.38</v>
          </cell>
        </row>
        <row r="997">
          <cell r="A997" t="str">
            <v>HID/00021.06.01</v>
          </cell>
          <cell r="B997">
            <v>-1559.78</v>
          </cell>
          <cell r="F997">
            <v>-1559.78</v>
          </cell>
        </row>
        <row r="998">
          <cell r="A998" t="str">
            <v>HID/00021.07.01</v>
          </cell>
          <cell r="C998">
            <v>84892.39</v>
          </cell>
          <cell r="D998">
            <v>59314.19</v>
          </cell>
          <cell r="F998">
            <v>144206.57999999999</v>
          </cell>
        </row>
        <row r="999">
          <cell r="A999" t="str">
            <v>HID/00021.08.01</v>
          </cell>
          <cell r="B999">
            <v>64892.92</v>
          </cell>
          <cell r="F999">
            <v>64892.92</v>
          </cell>
        </row>
        <row r="1000">
          <cell r="A1000" t="str">
            <v>HID/00021.09.01</v>
          </cell>
          <cell r="B1000">
            <v>156903.15</v>
          </cell>
          <cell r="C1000">
            <v>5776.34</v>
          </cell>
          <cell r="F1000">
            <v>162679.49</v>
          </cell>
        </row>
        <row r="1001">
          <cell r="A1001" t="str">
            <v>HID/00021.10.01</v>
          </cell>
          <cell r="B1001">
            <v>15043.37</v>
          </cell>
          <cell r="F1001">
            <v>15043.37</v>
          </cell>
        </row>
        <row r="1002">
          <cell r="A1002" t="str">
            <v>HID/00021.11.01</v>
          </cell>
          <cell r="B1002">
            <v>27020.85</v>
          </cell>
          <cell r="F1002">
            <v>27020.85</v>
          </cell>
        </row>
        <row r="1003">
          <cell r="A1003" t="str">
            <v>HID/00021.12.01</v>
          </cell>
          <cell r="B1003">
            <v>55994.15</v>
          </cell>
          <cell r="C1003">
            <v>0</v>
          </cell>
          <cell r="F1003">
            <v>55994.15</v>
          </cell>
        </row>
        <row r="1004">
          <cell r="A1004" t="str">
            <v>HID/00021.13.01</v>
          </cell>
          <cell r="B1004">
            <v>9.9999999065403244E-3</v>
          </cell>
          <cell r="F1004">
            <v>9.9999999065403244E-3</v>
          </cell>
        </row>
        <row r="1005">
          <cell r="A1005" t="str">
            <v>HID/00021.15.01</v>
          </cell>
          <cell r="B1005">
            <v>10499.94</v>
          </cell>
          <cell r="C1005">
            <v>56117.7</v>
          </cell>
          <cell r="F1005">
            <v>66617.64</v>
          </cell>
        </row>
        <row r="1006">
          <cell r="A1006" t="str">
            <v>HID/00021.16.01</v>
          </cell>
          <cell r="B1006">
            <v>72789.740000000005</v>
          </cell>
          <cell r="C1006">
            <v>-150</v>
          </cell>
          <cell r="F1006">
            <v>72639.740000000005</v>
          </cell>
        </row>
        <row r="1007">
          <cell r="A1007" t="str">
            <v>HID/00021.18.01</v>
          </cell>
          <cell r="B1007">
            <v>6705.35</v>
          </cell>
          <cell r="C1007">
            <v>51.5</v>
          </cell>
          <cell r="F1007">
            <v>6756.85</v>
          </cell>
        </row>
        <row r="1008">
          <cell r="A1008" t="str">
            <v>HID/00021.19.01</v>
          </cell>
          <cell r="B1008">
            <v>83531.25</v>
          </cell>
          <cell r="F1008">
            <v>83531.25</v>
          </cell>
        </row>
        <row r="1009">
          <cell r="A1009" t="str">
            <v>HID/00021.20.01</v>
          </cell>
          <cell r="B1009">
            <v>42453.91</v>
          </cell>
          <cell r="F1009">
            <v>42453.91</v>
          </cell>
        </row>
        <row r="1010">
          <cell r="A1010" t="str">
            <v>HID/00021.21.01</v>
          </cell>
          <cell r="B1010">
            <v>33105.06</v>
          </cell>
          <cell r="F1010">
            <v>33105.06</v>
          </cell>
        </row>
        <row r="1011">
          <cell r="A1011" t="str">
            <v>HID/00021.22.01</v>
          </cell>
          <cell r="B1011">
            <v>14095.23</v>
          </cell>
          <cell r="F1011">
            <v>14095.23</v>
          </cell>
        </row>
        <row r="1012">
          <cell r="A1012" t="str">
            <v>HID/00021.23.01</v>
          </cell>
          <cell r="B1012">
            <v>11036.58</v>
          </cell>
          <cell r="F1012">
            <v>11036.58</v>
          </cell>
        </row>
        <row r="1013">
          <cell r="A1013" t="str">
            <v>HID/00021.24.01</v>
          </cell>
          <cell r="B1013">
            <v>33678.800000000003</v>
          </cell>
          <cell r="C1013">
            <v>75</v>
          </cell>
          <cell r="F1013">
            <v>33753.800000000003</v>
          </cell>
        </row>
        <row r="1014">
          <cell r="A1014" t="str">
            <v>HID/00021.25.01</v>
          </cell>
          <cell r="B1014">
            <v>31277.05</v>
          </cell>
          <cell r="F1014">
            <v>31277.05</v>
          </cell>
        </row>
        <row r="1015">
          <cell r="A1015" t="str">
            <v>HID/00021.26.01</v>
          </cell>
          <cell r="B1015">
            <v>23273.89</v>
          </cell>
          <cell r="F1015">
            <v>23273.89</v>
          </cell>
        </row>
        <row r="1016">
          <cell r="A1016" t="str">
            <v>HID/00021.27.01</v>
          </cell>
          <cell r="B1016">
            <v>9135.84</v>
          </cell>
          <cell r="F1016">
            <v>9135.84</v>
          </cell>
        </row>
        <row r="1017">
          <cell r="A1017" t="str">
            <v>HID/00021.28.01</v>
          </cell>
          <cell r="B1017">
            <v>17627.330000000002</v>
          </cell>
          <cell r="F1017">
            <v>17627.330000000002</v>
          </cell>
        </row>
        <row r="1018">
          <cell r="A1018" t="str">
            <v>HID/00021.29.01</v>
          </cell>
          <cell r="B1018">
            <v>10852.55</v>
          </cell>
          <cell r="F1018">
            <v>10852.55</v>
          </cell>
        </row>
        <row r="1019">
          <cell r="A1019" t="str">
            <v>HID/00021.30.01</v>
          </cell>
          <cell r="B1019">
            <v>80512.250000000058</v>
          </cell>
          <cell r="C1019">
            <v>274.52</v>
          </cell>
          <cell r="F1019">
            <v>80786.770000000062</v>
          </cell>
        </row>
        <row r="1020">
          <cell r="A1020" t="str">
            <v>HID/00021.31.01</v>
          </cell>
          <cell r="B1020">
            <v>13529.08</v>
          </cell>
          <cell r="F1020">
            <v>13529.08</v>
          </cell>
        </row>
        <row r="1021">
          <cell r="A1021" t="str">
            <v>HID/00021.32.01</v>
          </cell>
          <cell r="B1021">
            <v>76513.61</v>
          </cell>
          <cell r="C1021">
            <v>-1106.8</v>
          </cell>
          <cell r="F1021">
            <v>75406.81</v>
          </cell>
        </row>
        <row r="1022">
          <cell r="A1022" t="str">
            <v>HID/00021.33.01</v>
          </cell>
          <cell r="B1022">
            <v>37461.74</v>
          </cell>
          <cell r="F1022">
            <v>37461.74</v>
          </cell>
        </row>
        <row r="1023">
          <cell r="A1023" t="str">
            <v>HID/00021.34.01</v>
          </cell>
          <cell r="B1023">
            <v>77821.259999999995</v>
          </cell>
          <cell r="C1023">
            <v>40</v>
          </cell>
          <cell r="F1023">
            <v>77861.259999999995</v>
          </cell>
        </row>
        <row r="1024">
          <cell r="A1024" t="str">
            <v>HID/00021.36.01</v>
          </cell>
          <cell r="B1024">
            <v>7783.11</v>
          </cell>
          <cell r="F1024">
            <v>7783.11</v>
          </cell>
        </row>
        <row r="1025">
          <cell r="A1025" t="str">
            <v>HID/00021.37.01</v>
          </cell>
          <cell r="B1025">
            <v>13476.88</v>
          </cell>
          <cell r="F1025">
            <v>13476.88</v>
          </cell>
        </row>
        <row r="1026">
          <cell r="A1026" t="str">
            <v>HID/00021.38.01</v>
          </cell>
          <cell r="B1026">
            <v>9577.92</v>
          </cell>
          <cell r="F1026">
            <v>9577.92</v>
          </cell>
        </row>
        <row r="1027">
          <cell r="A1027" t="str">
            <v>HID/00021.39.01</v>
          </cell>
          <cell r="B1027">
            <v>11221.27</v>
          </cell>
          <cell r="F1027">
            <v>11221.27</v>
          </cell>
        </row>
        <row r="1028">
          <cell r="A1028" t="str">
            <v>HID/00021.40.01</v>
          </cell>
          <cell r="B1028">
            <v>8875.0300000000007</v>
          </cell>
          <cell r="F1028">
            <v>8875.0300000000007</v>
          </cell>
        </row>
        <row r="1029">
          <cell r="A1029" t="str">
            <v>HID/00021.41.01</v>
          </cell>
          <cell r="B1029">
            <v>11554.68</v>
          </cell>
          <cell r="C1029">
            <v>0</v>
          </cell>
          <cell r="F1029">
            <v>11554.68</v>
          </cell>
        </row>
        <row r="1030">
          <cell r="A1030" t="str">
            <v>HID/00021.42.01</v>
          </cell>
          <cell r="B1030">
            <v>11567.03</v>
          </cell>
          <cell r="F1030">
            <v>11567.03</v>
          </cell>
        </row>
        <row r="1031">
          <cell r="A1031" t="str">
            <v>HID/00021.43.01</v>
          </cell>
          <cell r="B1031">
            <v>8816.15</v>
          </cell>
          <cell r="F1031">
            <v>8816.15</v>
          </cell>
        </row>
        <row r="1032">
          <cell r="A1032" t="str">
            <v>HID/00021.44.01</v>
          </cell>
          <cell r="B1032">
            <v>15986.04</v>
          </cell>
          <cell r="C1032">
            <v>1479.85</v>
          </cell>
          <cell r="F1032">
            <v>17465.89</v>
          </cell>
        </row>
        <row r="1033">
          <cell r="A1033" t="str">
            <v>HID/00021.45.01</v>
          </cell>
          <cell r="B1033">
            <v>11943.08</v>
          </cell>
          <cell r="F1033">
            <v>11943.08</v>
          </cell>
        </row>
        <row r="1034">
          <cell r="A1034" t="str">
            <v>HID/00021.46.01</v>
          </cell>
          <cell r="B1034">
            <v>18846.439999999999</v>
          </cell>
          <cell r="F1034">
            <v>18846.439999999999</v>
          </cell>
        </row>
        <row r="1035">
          <cell r="A1035" t="str">
            <v>HID/00021.47.01</v>
          </cell>
          <cell r="B1035">
            <v>11895.58</v>
          </cell>
          <cell r="F1035">
            <v>11895.58</v>
          </cell>
        </row>
        <row r="1036">
          <cell r="A1036" t="str">
            <v>HID/00021.48.01</v>
          </cell>
          <cell r="B1036">
            <v>14102.62</v>
          </cell>
          <cell r="F1036">
            <v>14102.62</v>
          </cell>
        </row>
        <row r="1037">
          <cell r="A1037" t="str">
            <v>HID/00021.49.01</v>
          </cell>
          <cell r="B1037">
            <v>13831.59</v>
          </cell>
          <cell r="F1037">
            <v>13831.59</v>
          </cell>
        </row>
        <row r="1038">
          <cell r="A1038" t="str">
            <v>HID/00021.50.01</v>
          </cell>
          <cell r="B1038">
            <v>17859.93</v>
          </cell>
          <cell r="F1038">
            <v>17859.93</v>
          </cell>
        </row>
        <row r="1039">
          <cell r="A1039" t="str">
            <v>HID/00021.52.01</v>
          </cell>
          <cell r="B1039">
            <v>11768.16</v>
          </cell>
          <cell r="F1039">
            <v>11768.16</v>
          </cell>
        </row>
        <row r="1040">
          <cell r="A1040" t="str">
            <v>HID/00021.53.01</v>
          </cell>
          <cell r="B1040">
            <v>16824.400000000001</v>
          </cell>
          <cell r="F1040">
            <v>16824.400000000001</v>
          </cell>
        </row>
        <row r="1041">
          <cell r="A1041" t="str">
            <v>HID/00021.54.01</v>
          </cell>
          <cell r="B1041">
            <v>25157.42</v>
          </cell>
          <cell r="F1041">
            <v>25157.42</v>
          </cell>
        </row>
        <row r="1042">
          <cell r="A1042" t="str">
            <v>HID/00021.55.01</v>
          </cell>
          <cell r="B1042">
            <v>12344.02</v>
          </cell>
          <cell r="F1042">
            <v>12344.02</v>
          </cell>
        </row>
        <row r="1043">
          <cell r="A1043" t="str">
            <v>HID/00021.56.01</v>
          </cell>
          <cell r="B1043">
            <v>24252.85</v>
          </cell>
          <cell r="F1043">
            <v>24252.85</v>
          </cell>
        </row>
        <row r="1044">
          <cell r="A1044" t="str">
            <v>HID/00021.57.01</v>
          </cell>
          <cell r="B1044">
            <v>8760.61</v>
          </cell>
          <cell r="F1044">
            <v>8760.61</v>
          </cell>
        </row>
        <row r="1045">
          <cell r="A1045" t="str">
            <v>HID/00021.58.01</v>
          </cell>
          <cell r="B1045">
            <v>25997.279999999999</v>
          </cell>
          <cell r="F1045">
            <v>25997.279999999999</v>
          </cell>
        </row>
        <row r="1046">
          <cell r="A1046" t="str">
            <v>HID/00021.59.01</v>
          </cell>
          <cell r="B1046">
            <v>18019.509999999998</v>
          </cell>
          <cell r="F1046">
            <v>18019.509999999998</v>
          </cell>
        </row>
        <row r="1047">
          <cell r="A1047" t="str">
            <v>HID/00021.60.01</v>
          </cell>
          <cell r="B1047">
            <v>19597.810000000001</v>
          </cell>
          <cell r="F1047">
            <v>19597.810000000001</v>
          </cell>
        </row>
        <row r="1048">
          <cell r="A1048" t="str">
            <v>HID/00021.61.01</v>
          </cell>
          <cell r="B1048">
            <v>19268.79</v>
          </cell>
          <cell r="F1048">
            <v>19268.79</v>
          </cell>
        </row>
        <row r="1049">
          <cell r="A1049" t="str">
            <v>HID/00021.62.01</v>
          </cell>
          <cell r="B1049">
            <v>14795.47</v>
          </cell>
          <cell r="F1049">
            <v>14795.47</v>
          </cell>
        </row>
        <row r="1050">
          <cell r="A1050" t="str">
            <v>HID/00021.63.01</v>
          </cell>
          <cell r="B1050">
            <v>17486.63</v>
          </cell>
          <cell r="F1050">
            <v>17486.63</v>
          </cell>
        </row>
        <row r="1051">
          <cell r="A1051" t="str">
            <v>HID/00021.64.01</v>
          </cell>
          <cell r="B1051">
            <v>25157.22</v>
          </cell>
          <cell r="F1051">
            <v>25157.22</v>
          </cell>
        </row>
        <row r="1052">
          <cell r="A1052" t="str">
            <v>HID/00021.65.01</v>
          </cell>
          <cell r="B1052">
            <v>-0.83000000000538421</v>
          </cell>
          <cell r="C1052">
            <v>60453.65</v>
          </cell>
          <cell r="F1052">
            <v>60452.82</v>
          </cell>
        </row>
        <row r="1053">
          <cell r="A1053" t="str">
            <v>HID/00021.66.01</v>
          </cell>
          <cell r="B1053">
            <v>22845.599999999999</v>
          </cell>
          <cell r="F1053">
            <v>22845.599999999999</v>
          </cell>
        </row>
        <row r="1054">
          <cell r="A1054" t="str">
            <v>HID/00021.67.01</v>
          </cell>
          <cell r="B1054">
            <v>26584.92</v>
          </cell>
          <cell r="F1054">
            <v>26584.92</v>
          </cell>
        </row>
        <row r="1055">
          <cell r="A1055" t="str">
            <v>HID/00021.68.01</v>
          </cell>
          <cell r="B1055">
            <v>17864.55</v>
          </cell>
          <cell r="F1055">
            <v>17864.55</v>
          </cell>
        </row>
        <row r="1056">
          <cell r="A1056" t="str">
            <v>HID/00021.69.01</v>
          </cell>
          <cell r="B1056">
            <v>31246.91</v>
          </cell>
          <cell r="F1056">
            <v>31246.91</v>
          </cell>
        </row>
        <row r="1057">
          <cell r="A1057" t="str">
            <v>HID/00021.70.01</v>
          </cell>
          <cell r="B1057">
            <v>30484.38</v>
          </cell>
          <cell r="F1057">
            <v>30484.38</v>
          </cell>
        </row>
        <row r="1058">
          <cell r="A1058" t="str">
            <v>HID/00021.71.01</v>
          </cell>
          <cell r="B1058">
            <v>18408.080000000002</v>
          </cell>
          <cell r="F1058">
            <v>18408.080000000002</v>
          </cell>
        </row>
        <row r="1059">
          <cell r="A1059" t="str">
            <v>HID/00021.72.01</v>
          </cell>
          <cell r="B1059">
            <v>20411.849999999999</v>
          </cell>
          <cell r="F1059">
            <v>20411.849999999999</v>
          </cell>
        </row>
        <row r="1060">
          <cell r="A1060" t="str">
            <v>HID/00021.73.01</v>
          </cell>
          <cell r="B1060">
            <v>20187.61</v>
          </cell>
          <cell r="F1060">
            <v>20187.61</v>
          </cell>
        </row>
        <row r="1061">
          <cell r="A1061" t="str">
            <v>HID/00021.74.01</v>
          </cell>
          <cell r="B1061">
            <v>23072.560000000001</v>
          </cell>
          <cell r="F1061">
            <v>23072.560000000001</v>
          </cell>
        </row>
        <row r="1062">
          <cell r="A1062" t="str">
            <v>HID/00021.75.01</v>
          </cell>
          <cell r="B1062">
            <v>12352.49</v>
          </cell>
          <cell r="F1062">
            <v>12352.49</v>
          </cell>
        </row>
        <row r="1063">
          <cell r="A1063" t="str">
            <v>HID/00021.76.01</v>
          </cell>
          <cell r="B1063">
            <v>1595.97</v>
          </cell>
          <cell r="F1063">
            <v>1595.97</v>
          </cell>
        </row>
        <row r="1064">
          <cell r="A1064" t="str">
            <v>HID/00021.77.01</v>
          </cell>
          <cell r="B1064">
            <v>22550.36</v>
          </cell>
          <cell r="F1064">
            <v>22550.36</v>
          </cell>
        </row>
        <row r="1065">
          <cell r="A1065" t="str">
            <v>HID/00021.78.01</v>
          </cell>
          <cell r="B1065">
            <v>25404.14</v>
          </cell>
          <cell r="F1065">
            <v>25404.14</v>
          </cell>
        </row>
        <row r="1066">
          <cell r="A1066" t="str">
            <v>HID/00021.79.01</v>
          </cell>
          <cell r="C1066">
            <v>3480</v>
          </cell>
          <cell r="F1066">
            <v>3480</v>
          </cell>
        </row>
        <row r="1067">
          <cell r="A1067" t="str">
            <v>HID/00021.80.01</v>
          </cell>
          <cell r="B1067">
            <v>24989.63</v>
          </cell>
          <cell r="F1067">
            <v>24989.63</v>
          </cell>
        </row>
        <row r="1068">
          <cell r="A1068" t="str">
            <v>HID/00021.81.01</v>
          </cell>
          <cell r="B1068">
            <v>32378.91</v>
          </cell>
          <cell r="F1068">
            <v>32378.91</v>
          </cell>
        </row>
        <row r="1069">
          <cell r="A1069" t="str">
            <v>HID/00021.82.01</v>
          </cell>
          <cell r="B1069">
            <v>36889.46</v>
          </cell>
          <cell r="F1069">
            <v>36889.46</v>
          </cell>
        </row>
        <row r="1070">
          <cell r="A1070" t="str">
            <v>HID/00021.83.01</v>
          </cell>
          <cell r="B1070">
            <v>26714.03</v>
          </cell>
          <cell r="C1070">
            <v>-95</v>
          </cell>
          <cell r="F1070">
            <v>26619.03</v>
          </cell>
        </row>
        <row r="1071">
          <cell r="A1071" t="str">
            <v>HID/00021.84.01</v>
          </cell>
          <cell r="B1071">
            <v>32873.33</v>
          </cell>
          <cell r="F1071">
            <v>32873.33</v>
          </cell>
        </row>
        <row r="1072">
          <cell r="A1072" t="str">
            <v>HID/00021.85.01</v>
          </cell>
          <cell r="B1072">
            <v>20708.72</v>
          </cell>
          <cell r="F1072">
            <v>20708.72</v>
          </cell>
        </row>
        <row r="1073">
          <cell r="A1073" t="str">
            <v>HID/00021.86.01</v>
          </cell>
          <cell r="B1073">
            <v>29221.41</v>
          </cell>
          <cell r="F1073">
            <v>29221.41</v>
          </cell>
        </row>
        <row r="1074">
          <cell r="A1074" t="str">
            <v>HID/00021.87.01</v>
          </cell>
          <cell r="B1074">
            <v>38289.449999999997</v>
          </cell>
          <cell r="F1074">
            <v>38289.449999999997</v>
          </cell>
        </row>
        <row r="1075">
          <cell r="A1075" t="str">
            <v>HID/00021.88.01</v>
          </cell>
          <cell r="B1075">
            <v>19586.150000000001</v>
          </cell>
          <cell r="F1075">
            <v>19586.150000000001</v>
          </cell>
        </row>
        <row r="1076">
          <cell r="A1076" t="str">
            <v>HID/00021.89.01</v>
          </cell>
          <cell r="B1076">
            <v>20740.48</v>
          </cell>
          <cell r="F1076">
            <v>20740.48</v>
          </cell>
        </row>
        <row r="1077">
          <cell r="A1077" t="str">
            <v>HID/00021.90.01</v>
          </cell>
          <cell r="C1077">
            <v>34526.11</v>
          </cell>
          <cell r="F1077">
            <v>34526.11</v>
          </cell>
        </row>
        <row r="1078">
          <cell r="A1078" t="str">
            <v>HID/00021.91.01</v>
          </cell>
          <cell r="B1078">
            <v>24822.25</v>
          </cell>
          <cell r="F1078">
            <v>24822.25</v>
          </cell>
        </row>
        <row r="1079">
          <cell r="A1079" t="str">
            <v>HID/00021.92.01</v>
          </cell>
          <cell r="B1079">
            <v>35392.17</v>
          </cell>
          <cell r="F1079">
            <v>35392.17</v>
          </cell>
        </row>
        <row r="1080">
          <cell r="A1080" t="str">
            <v>HID/00021.93.01</v>
          </cell>
          <cell r="B1080">
            <v>17186.02</v>
          </cell>
          <cell r="F1080">
            <v>17186.02</v>
          </cell>
        </row>
        <row r="1081">
          <cell r="A1081" t="str">
            <v>HID/00021.94.01</v>
          </cell>
          <cell r="B1081">
            <v>24897.58</v>
          </cell>
          <cell r="F1081">
            <v>24897.58</v>
          </cell>
        </row>
        <row r="1082">
          <cell r="A1082" t="str">
            <v>HID/00021.95.01</v>
          </cell>
          <cell r="B1082">
            <v>26301.02</v>
          </cell>
          <cell r="F1082">
            <v>26301.02</v>
          </cell>
        </row>
        <row r="1083">
          <cell r="A1083" t="str">
            <v>HID/00021.96.01</v>
          </cell>
          <cell r="B1083">
            <v>61507.35</v>
          </cell>
          <cell r="F1083">
            <v>61507.35</v>
          </cell>
        </row>
        <row r="1084">
          <cell r="A1084" t="str">
            <v>HID/00021.97.01</v>
          </cell>
          <cell r="B1084">
            <v>44291.67</v>
          </cell>
          <cell r="F1084">
            <v>44291.67</v>
          </cell>
        </row>
        <row r="1085">
          <cell r="A1085" t="str">
            <v>HID/00021.98.01</v>
          </cell>
          <cell r="B1085">
            <v>44037.18</v>
          </cell>
          <cell r="F1085">
            <v>44037.18</v>
          </cell>
        </row>
        <row r="1086">
          <cell r="A1086" t="str">
            <v>HID/00021.99.01</v>
          </cell>
          <cell r="C1086">
            <v>64768.72</v>
          </cell>
          <cell r="F1086">
            <v>64768.72</v>
          </cell>
        </row>
        <row r="1087">
          <cell r="A1087" t="str">
            <v>HID/00022.01.01</v>
          </cell>
          <cell r="D1087">
            <v>33.86</v>
          </cell>
          <cell r="F1087">
            <v>33.86</v>
          </cell>
        </row>
        <row r="1088">
          <cell r="A1088" t="str">
            <v>HID/00022.02.01</v>
          </cell>
          <cell r="B1088">
            <v>457033.87</v>
          </cell>
          <cell r="F1088">
            <v>457033.87</v>
          </cell>
        </row>
        <row r="1089">
          <cell r="A1089" t="str">
            <v>HID/00022.03.01</v>
          </cell>
          <cell r="B1089">
            <v>19706.310000000001</v>
          </cell>
          <cell r="F1089">
            <v>19706.310000000001</v>
          </cell>
        </row>
        <row r="1090">
          <cell r="A1090" t="str">
            <v>HID/00022.05.01</v>
          </cell>
          <cell r="B1090">
            <v>12299.76</v>
          </cell>
          <cell r="F1090">
            <v>12299.76</v>
          </cell>
        </row>
        <row r="1091">
          <cell r="A1091" t="str">
            <v>HID/00022.06.01</v>
          </cell>
          <cell r="B1091">
            <v>8853.0300000000007</v>
          </cell>
          <cell r="F1091">
            <v>8853.0300000000007</v>
          </cell>
        </row>
        <row r="1092">
          <cell r="A1092" t="str">
            <v>HID/00022.07.01</v>
          </cell>
          <cell r="B1092">
            <v>18871.09</v>
          </cell>
          <cell r="F1092">
            <v>18871.09</v>
          </cell>
        </row>
        <row r="1093">
          <cell r="A1093" t="str">
            <v>HID/00022.08.01</v>
          </cell>
          <cell r="B1093">
            <v>48628.55</v>
          </cell>
          <cell r="F1093">
            <v>48628.55</v>
          </cell>
        </row>
        <row r="1094">
          <cell r="A1094" t="str">
            <v>HID/00022.09.01</v>
          </cell>
          <cell r="B1094">
            <v>71856.990000000005</v>
          </cell>
          <cell r="F1094">
            <v>71856.990000000005</v>
          </cell>
        </row>
        <row r="1095">
          <cell r="A1095" t="str">
            <v>HID/00022.10.01</v>
          </cell>
          <cell r="B1095">
            <v>47338.37</v>
          </cell>
          <cell r="F1095">
            <v>47338.37</v>
          </cell>
        </row>
        <row r="1096">
          <cell r="A1096" t="str">
            <v>HID/00022.11.01</v>
          </cell>
          <cell r="B1096">
            <v>71098.28</v>
          </cell>
          <cell r="F1096">
            <v>71098.28</v>
          </cell>
        </row>
        <row r="1097">
          <cell r="A1097" t="str">
            <v>HID/00022.12.01</v>
          </cell>
          <cell r="B1097">
            <v>68707.740000000005</v>
          </cell>
          <cell r="F1097">
            <v>68707.740000000005</v>
          </cell>
        </row>
        <row r="1098">
          <cell r="A1098" t="str">
            <v>HID/00022.13.01</v>
          </cell>
          <cell r="B1098">
            <v>50720.42</v>
          </cell>
          <cell r="F1098">
            <v>50720.42</v>
          </cell>
        </row>
        <row r="1099">
          <cell r="A1099" t="str">
            <v>HID/00022.14.01</v>
          </cell>
          <cell r="B1099">
            <v>84999.4</v>
          </cell>
          <cell r="F1099">
            <v>84999.4</v>
          </cell>
        </row>
        <row r="1100">
          <cell r="A1100" t="str">
            <v>HID/00022.15.01</v>
          </cell>
          <cell r="B1100">
            <v>0</v>
          </cell>
          <cell r="F1100">
            <v>0</v>
          </cell>
        </row>
        <row r="1101">
          <cell r="A1101" t="str">
            <v>HID/00022.16.01</v>
          </cell>
          <cell r="B1101">
            <v>10289.530000000001</v>
          </cell>
          <cell r="F1101">
            <v>10289.530000000001</v>
          </cell>
        </row>
        <row r="1102">
          <cell r="A1102" t="str">
            <v>HID/00022.17.01</v>
          </cell>
          <cell r="B1102">
            <v>23255.75</v>
          </cell>
          <cell r="F1102">
            <v>23255.75</v>
          </cell>
        </row>
        <row r="1103">
          <cell r="A1103" t="str">
            <v>HID/00022.18.01</v>
          </cell>
          <cell r="B1103">
            <v>15156.25</v>
          </cell>
          <cell r="F1103">
            <v>15156.25</v>
          </cell>
        </row>
        <row r="1104">
          <cell r="A1104" t="str">
            <v>HID/00022.19.01</v>
          </cell>
          <cell r="B1104">
            <v>38511.269999999997</v>
          </cell>
          <cell r="F1104">
            <v>38511.269999999997</v>
          </cell>
        </row>
        <row r="1105">
          <cell r="A1105" t="str">
            <v>HID/00024.01.01</v>
          </cell>
          <cell r="B1105">
            <v>49069.17</v>
          </cell>
          <cell r="D1105">
            <v>25.27</v>
          </cell>
          <cell r="F1105">
            <v>49094.44</v>
          </cell>
        </row>
        <row r="1106">
          <cell r="A1106" t="str">
            <v>HID/00024.02.01</v>
          </cell>
          <cell r="B1106">
            <v>45566.29</v>
          </cell>
          <cell r="F1106">
            <v>45566.29</v>
          </cell>
        </row>
        <row r="1107">
          <cell r="A1107" t="str">
            <v>HID/00024.03.01</v>
          </cell>
          <cell r="B1107">
            <v>63359.09</v>
          </cell>
          <cell r="F1107">
            <v>63359.09</v>
          </cell>
        </row>
        <row r="1108">
          <cell r="A1108" t="str">
            <v>HID/00024.04.01</v>
          </cell>
          <cell r="B1108">
            <v>30394.81</v>
          </cell>
          <cell r="F1108">
            <v>30394.81</v>
          </cell>
        </row>
        <row r="1109">
          <cell r="A1109" t="str">
            <v>HID/00024.05.01</v>
          </cell>
          <cell r="B1109">
            <v>64390.64</v>
          </cell>
          <cell r="F1109">
            <v>64390.64</v>
          </cell>
        </row>
        <row r="1110">
          <cell r="A1110" t="str">
            <v>HID/00024.06.01</v>
          </cell>
          <cell r="B1110">
            <v>45606.879999999997</v>
          </cell>
          <cell r="F1110">
            <v>45606.879999999997</v>
          </cell>
        </row>
        <row r="1111">
          <cell r="A1111" t="str">
            <v>HID/00024.07.01</v>
          </cell>
          <cell r="B1111">
            <v>35798.58</v>
          </cell>
          <cell r="F1111">
            <v>35798.58</v>
          </cell>
        </row>
        <row r="1112">
          <cell r="A1112" t="str">
            <v>HID/00024.08.01</v>
          </cell>
          <cell r="D1112">
            <v>91577.25</v>
          </cell>
          <cell r="E1112">
            <v>5574.14</v>
          </cell>
          <cell r="F1112">
            <v>97151.39</v>
          </cell>
        </row>
        <row r="1113">
          <cell r="A1113" t="str">
            <v>HID/00024.09.01</v>
          </cell>
          <cell r="B1113">
            <v>36572.94</v>
          </cell>
          <cell r="C1113">
            <v>12.4</v>
          </cell>
          <cell r="F1113">
            <v>36585.339999999997</v>
          </cell>
        </row>
        <row r="1114">
          <cell r="A1114" t="str">
            <v>HID/00024.10.01</v>
          </cell>
          <cell r="B1114">
            <v>44235.54</v>
          </cell>
          <cell r="F1114">
            <v>44235.54</v>
          </cell>
        </row>
        <row r="1115">
          <cell r="A1115" t="str">
            <v>HID/00024.11.01</v>
          </cell>
          <cell r="B1115">
            <v>41403.65</v>
          </cell>
          <cell r="F1115">
            <v>41403.65</v>
          </cell>
        </row>
        <row r="1116">
          <cell r="A1116" t="str">
            <v>HID/00024.12.01</v>
          </cell>
          <cell r="B1116">
            <v>58941.16</v>
          </cell>
          <cell r="F1116">
            <v>58941.16</v>
          </cell>
        </row>
        <row r="1117">
          <cell r="A1117" t="str">
            <v>HID/00024.13.01</v>
          </cell>
          <cell r="B1117">
            <v>87203.88</v>
          </cell>
          <cell r="C1117">
            <v>4934.18</v>
          </cell>
          <cell r="F1117">
            <v>92138.06</v>
          </cell>
        </row>
        <row r="1118">
          <cell r="A1118" t="str">
            <v>HID/00024.14.01</v>
          </cell>
          <cell r="B1118">
            <v>69712.34</v>
          </cell>
          <cell r="F1118">
            <v>69712.34</v>
          </cell>
        </row>
        <row r="1119">
          <cell r="A1119" t="str">
            <v>HID/00024.15.01</v>
          </cell>
          <cell r="C1119">
            <v>9279.81</v>
          </cell>
          <cell r="D1119">
            <v>42086.41</v>
          </cell>
          <cell r="F1119">
            <v>51366.22</v>
          </cell>
        </row>
        <row r="1120">
          <cell r="A1120" t="str">
            <v>HID/00024.17.01</v>
          </cell>
          <cell r="B1120">
            <v>74715.98</v>
          </cell>
          <cell r="F1120">
            <v>74715.98</v>
          </cell>
        </row>
        <row r="1121">
          <cell r="A1121" t="str">
            <v>HID/00024.18.01</v>
          </cell>
          <cell r="B1121">
            <v>76302.55</v>
          </cell>
          <cell r="F1121">
            <v>76302.55</v>
          </cell>
        </row>
        <row r="1122">
          <cell r="A1122" t="str">
            <v>HID/00024.19.01</v>
          </cell>
          <cell r="B1122">
            <v>11549.18</v>
          </cell>
          <cell r="C1122">
            <v>94058.18</v>
          </cell>
          <cell r="F1122">
            <v>105607.36</v>
          </cell>
        </row>
        <row r="1123">
          <cell r="A1123" t="str">
            <v>HID/00024.20.01</v>
          </cell>
          <cell r="B1123">
            <v>36810.01</v>
          </cell>
          <cell r="C1123">
            <v>225.55</v>
          </cell>
          <cell r="F1123">
            <v>37035.56</v>
          </cell>
        </row>
        <row r="1124">
          <cell r="A1124" t="str">
            <v>HID/00024.21.01</v>
          </cell>
          <cell r="B1124">
            <v>10010.89</v>
          </cell>
          <cell r="C1124">
            <v>94043.12</v>
          </cell>
          <cell r="F1124">
            <v>104054.01</v>
          </cell>
        </row>
        <row r="1125">
          <cell r="A1125" t="str">
            <v>HID/00025.01.01</v>
          </cell>
          <cell r="B1125">
            <v>609.38</v>
          </cell>
          <cell r="F1125">
            <v>609.38</v>
          </cell>
        </row>
        <row r="1126">
          <cell r="A1126" t="str">
            <v>HID/00025.02.01</v>
          </cell>
          <cell r="B1126">
            <v>3976.55</v>
          </cell>
          <cell r="F1126">
            <v>3976.55</v>
          </cell>
        </row>
        <row r="1127">
          <cell r="A1127" t="str">
            <v>HID/00025.04.01</v>
          </cell>
          <cell r="C1127">
            <v>14990.55</v>
          </cell>
          <cell r="F1127">
            <v>14990.55</v>
          </cell>
        </row>
        <row r="1128">
          <cell r="A1128" t="str">
            <v>HID/00025.05.01</v>
          </cell>
          <cell r="C1128">
            <v>14974</v>
          </cell>
          <cell r="F1128">
            <v>14974</v>
          </cell>
        </row>
        <row r="1129">
          <cell r="A1129" t="str">
            <v>HID/00025.06.01</v>
          </cell>
          <cell r="C1129">
            <v>17828.759999999998</v>
          </cell>
          <cell r="D1129">
            <v>16077.54</v>
          </cell>
          <cell r="F1129">
            <v>33906.300000000003</v>
          </cell>
        </row>
        <row r="1130">
          <cell r="A1130" t="str">
            <v>HID/00025.07.01</v>
          </cell>
          <cell r="D1130">
            <v>22502.5</v>
          </cell>
          <cell r="E1130">
            <v>3797.74</v>
          </cell>
          <cell r="F1130">
            <v>26300.240000000002</v>
          </cell>
        </row>
        <row r="1131">
          <cell r="A1131" t="str">
            <v>HID/00025.08.01</v>
          </cell>
          <cell r="D1131">
            <v>53971.79</v>
          </cell>
          <cell r="E1131">
            <v>5565.88</v>
          </cell>
          <cell r="F1131">
            <v>59537.67</v>
          </cell>
        </row>
        <row r="1132">
          <cell r="A1132" t="str">
            <v>HID/00025.09.01</v>
          </cell>
          <cell r="E1132">
            <v>34660.519999999997</v>
          </cell>
          <cell r="F1132">
            <v>34660.519999999997</v>
          </cell>
        </row>
        <row r="1133">
          <cell r="A1133" t="str">
            <v>HID/00025.10.01</v>
          </cell>
          <cell r="E1133">
            <v>29085.23</v>
          </cell>
          <cell r="F1133">
            <v>29085.23</v>
          </cell>
        </row>
        <row r="1134">
          <cell r="A1134" t="str">
            <v>HID/00026.01.01</v>
          </cell>
          <cell r="B1134">
            <v>1026.05</v>
          </cell>
          <cell r="F1134">
            <v>1026.05</v>
          </cell>
        </row>
        <row r="1135">
          <cell r="A1135" t="str">
            <v>HID/00026.02.01</v>
          </cell>
          <cell r="B1135">
            <v>28677.94</v>
          </cell>
          <cell r="C1135">
            <v>25.27</v>
          </cell>
          <cell r="F1135">
            <v>28703.21</v>
          </cell>
        </row>
        <row r="1136">
          <cell r="A1136" t="str">
            <v>HID/00026.03.01</v>
          </cell>
          <cell r="B1136">
            <v>47776.08</v>
          </cell>
          <cell r="F1136">
            <v>47776.08</v>
          </cell>
        </row>
        <row r="1137">
          <cell r="A1137" t="str">
            <v>HID/00026.04.01</v>
          </cell>
          <cell r="B1137">
            <v>201139.66</v>
          </cell>
          <cell r="F1137">
            <v>201139.66</v>
          </cell>
        </row>
        <row r="1138">
          <cell r="A1138" t="str">
            <v>HID/00026.07.01</v>
          </cell>
          <cell r="D1138">
            <v>3360</v>
          </cell>
          <cell r="E1138">
            <v>23435</v>
          </cell>
          <cell r="F1138">
            <v>26795</v>
          </cell>
        </row>
        <row r="1139">
          <cell r="A1139" t="str">
            <v>HID/00026.09.01</v>
          </cell>
          <cell r="D1139">
            <v>16350</v>
          </cell>
          <cell r="E1139">
            <v>32783.51</v>
          </cell>
          <cell r="F1139">
            <v>49133.51</v>
          </cell>
        </row>
        <row r="1140">
          <cell r="A1140" t="str">
            <v>HID/00026.10.01</v>
          </cell>
          <cell r="D1140">
            <v>5600</v>
          </cell>
          <cell r="E1140">
            <v>41622.410000000003</v>
          </cell>
          <cell r="F1140">
            <v>47222.41</v>
          </cell>
        </row>
        <row r="1141">
          <cell r="A1141" t="str">
            <v>HID/00026.11.01</v>
          </cell>
          <cell r="D1141">
            <v>700</v>
          </cell>
          <cell r="E1141">
            <v>5233.6400000000003</v>
          </cell>
          <cell r="F1141">
            <v>5933.64</v>
          </cell>
        </row>
        <row r="1142">
          <cell r="A1142" t="str">
            <v>HID/00026.12.01</v>
          </cell>
          <cell r="E1142">
            <v>15741.89</v>
          </cell>
          <cell r="F1142">
            <v>15741.89</v>
          </cell>
        </row>
        <row r="1143">
          <cell r="A1143" t="str">
            <v>HID/00026.13.01</v>
          </cell>
          <cell r="D1143">
            <v>38897.230000000003</v>
          </cell>
          <cell r="E1143">
            <v>5865.38</v>
          </cell>
          <cell r="F1143">
            <v>44762.61</v>
          </cell>
        </row>
        <row r="1144">
          <cell r="A1144" t="str">
            <v>HID/00026.14.01</v>
          </cell>
          <cell r="D1144">
            <v>42000</v>
          </cell>
          <cell r="E1144">
            <v>21377.88</v>
          </cell>
          <cell r="F1144">
            <v>63377.88</v>
          </cell>
        </row>
        <row r="1145">
          <cell r="A1145" t="str">
            <v>HID/00026.15.01</v>
          </cell>
          <cell r="D1145">
            <v>28189.41</v>
          </cell>
          <cell r="E1145">
            <v>17425.919999999998</v>
          </cell>
          <cell r="F1145">
            <v>45615.33</v>
          </cell>
        </row>
        <row r="1146">
          <cell r="A1146" t="str">
            <v>HID/00026.19.01</v>
          </cell>
          <cell r="D1146">
            <v>19850.75</v>
          </cell>
          <cell r="E1146">
            <v>-2338</v>
          </cell>
          <cell r="F1146">
            <v>17512.75</v>
          </cell>
        </row>
        <row r="1147">
          <cell r="A1147" t="str">
            <v>HID/00026.20.01</v>
          </cell>
          <cell r="D1147">
            <v>1736</v>
          </cell>
          <cell r="E1147">
            <v>7305.81</v>
          </cell>
          <cell r="F1147">
            <v>9041.81</v>
          </cell>
        </row>
        <row r="1148">
          <cell r="A1148" t="str">
            <v>HID/00026.21.01</v>
          </cell>
          <cell r="D1148">
            <v>24179.040000000001</v>
          </cell>
          <cell r="E1148">
            <v>941.06</v>
          </cell>
          <cell r="F1148">
            <v>25120.1</v>
          </cell>
        </row>
        <row r="1149">
          <cell r="A1149" t="str">
            <v>HID/00026.22.01</v>
          </cell>
          <cell r="E1149">
            <v>85144.38</v>
          </cell>
          <cell r="F1149">
            <v>85144.38</v>
          </cell>
        </row>
        <row r="1150">
          <cell r="A1150" t="str">
            <v>HID/00026.23.01</v>
          </cell>
          <cell r="E1150">
            <v>14999.53</v>
          </cell>
          <cell r="F1150">
            <v>14999.53</v>
          </cell>
        </row>
        <row r="1151">
          <cell r="A1151" t="str">
            <v>HID/00026.24.01</v>
          </cell>
          <cell r="E1151">
            <v>8002.81</v>
          </cell>
          <cell r="F1151">
            <v>8002.81</v>
          </cell>
        </row>
        <row r="1152">
          <cell r="A1152" t="str">
            <v>HID/00026.40.01</v>
          </cell>
          <cell r="E1152">
            <v>151233.74</v>
          </cell>
          <cell r="F1152">
            <v>151233.74</v>
          </cell>
        </row>
        <row r="1153">
          <cell r="A1153" t="str">
            <v>HID/00026.41.01</v>
          </cell>
          <cell r="E1153">
            <v>51691.18</v>
          </cell>
          <cell r="F1153">
            <v>51691.18</v>
          </cell>
        </row>
        <row r="1154">
          <cell r="A1154" t="str">
            <v>HID/00026.42.01</v>
          </cell>
          <cell r="E1154">
            <v>102782.77</v>
          </cell>
          <cell r="F1154">
            <v>102782.77</v>
          </cell>
        </row>
        <row r="1155">
          <cell r="A1155" t="str">
            <v>HID/00026.43.01</v>
          </cell>
          <cell r="E1155">
            <v>146322.59</v>
          </cell>
          <cell r="F1155">
            <v>146322.59</v>
          </cell>
        </row>
        <row r="1156">
          <cell r="A1156" t="str">
            <v>HID/00026.44.01</v>
          </cell>
          <cell r="E1156">
            <v>57500</v>
          </cell>
          <cell r="F1156">
            <v>57500</v>
          </cell>
        </row>
        <row r="1157">
          <cell r="A1157" t="str">
            <v>HID/00026.45.01</v>
          </cell>
          <cell r="E1157">
            <v>109676.47</v>
          </cell>
          <cell r="F1157">
            <v>109676.47</v>
          </cell>
        </row>
        <row r="1158">
          <cell r="A1158" t="str">
            <v>HID/00026.46.01</v>
          </cell>
          <cell r="E1158">
            <v>71052.94</v>
          </cell>
          <cell r="F1158">
            <v>71052.94</v>
          </cell>
        </row>
        <row r="1159">
          <cell r="A1159" t="str">
            <v>HID/00026.47.01</v>
          </cell>
          <cell r="E1159">
            <v>97750</v>
          </cell>
          <cell r="F1159">
            <v>97750</v>
          </cell>
        </row>
        <row r="1160">
          <cell r="A1160" t="str">
            <v>HID/00026.48.01</v>
          </cell>
          <cell r="E1160">
            <v>200528.38</v>
          </cell>
          <cell r="F1160">
            <v>200528.38</v>
          </cell>
        </row>
        <row r="1161">
          <cell r="A1161" t="str">
            <v>HID/00026.49.01</v>
          </cell>
          <cell r="E1161">
            <v>91805.88</v>
          </cell>
          <cell r="F1161">
            <v>91805.88</v>
          </cell>
        </row>
        <row r="1162">
          <cell r="A1162" t="str">
            <v>HID/00028.01.01</v>
          </cell>
          <cell r="C1162">
            <v>92903.64</v>
          </cell>
          <cell r="D1162">
            <v>77970.070000000007</v>
          </cell>
          <cell r="F1162">
            <v>170873.71</v>
          </cell>
        </row>
        <row r="1163">
          <cell r="A1163" t="str">
            <v>HID/00028.02.01</v>
          </cell>
          <cell r="C1163">
            <v>64845.04</v>
          </cell>
          <cell r="D1163">
            <v>98496.320000000007</v>
          </cell>
          <cell r="F1163">
            <v>163341.35999999999</v>
          </cell>
        </row>
        <row r="1164">
          <cell r="A1164" t="str">
            <v>HID/00028.03.01</v>
          </cell>
          <cell r="C1164">
            <v>83456.3</v>
          </cell>
          <cell r="D1164">
            <v>35959.35</v>
          </cell>
          <cell r="F1164">
            <v>119415.65</v>
          </cell>
        </row>
        <row r="1165">
          <cell r="A1165" t="str">
            <v>HID/00028.04.01</v>
          </cell>
          <cell r="C1165">
            <v>22820.76</v>
          </cell>
          <cell r="D1165">
            <v>0</v>
          </cell>
          <cell r="F1165">
            <v>22820.76</v>
          </cell>
        </row>
        <row r="1166">
          <cell r="A1166" t="str">
            <v>HID/00028.05.01</v>
          </cell>
          <cell r="C1166">
            <v>12454.08</v>
          </cell>
          <cell r="D1166">
            <v>22349.99</v>
          </cell>
          <cell r="F1166">
            <v>34804.07</v>
          </cell>
        </row>
        <row r="1167">
          <cell r="A1167" t="str">
            <v>HID/00028.06.01</v>
          </cell>
          <cell r="C1167">
            <v>30090.85</v>
          </cell>
          <cell r="F1167">
            <v>30090.85</v>
          </cell>
        </row>
        <row r="1168">
          <cell r="A1168" t="str">
            <v>HID/00028.07.01</v>
          </cell>
          <cell r="C1168">
            <v>9000</v>
          </cell>
          <cell r="D1168">
            <v>29911.13</v>
          </cell>
          <cell r="F1168">
            <v>38911.129999999997</v>
          </cell>
        </row>
        <row r="1169">
          <cell r="A1169" t="str">
            <v>HID/00029.01.01</v>
          </cell>
          <cell r="C1169">
            <v>10875.06</v>
          </cell>
          <cell r="F1169">
            <v>10875.06</v>
          </cell>
        </row>
        <row r="1170">
          <cell r="A1170" t="str">
            <v>HID/00029.02.01</v>
          </cell>
          <cell r="C1170">
            <v>6858.39</v>
          </cell>
          <cell r="F1170">
            <v>6858.39</v>
          </cell>
        </row>
        <row r="1171">
          <cell r="A1171" t="str">
            <v>HID/00029.03.01</v>
          </cell>
          <cell r="C1171">
            <v>26526.28</v>
          </cell>
          <cell r="F1171">
            <v>26526.28</v>
          </cell>
        </row>
        <row r="1172">
          <cell r="A1172" t="str">
            <v>HID/00029.04.01</v>
          </cell>
          <cell r="C1172">
            <v>36903.339999999997</v>
          </cell>
          <cell r="F1172">
            <v>36903.339999999997</v>
          </cell>
        </row>
        <row r="1173">
          <cell r="A1173" t="str">
            <v>HID/00029.05.01</v>
          </cell>
          <cell r="C1173">
            <v>34061</v>
          </cell>
          <cell r="F1173">
            <v>34061</v>
          </cell>
        </row>
        <row r="1174">
          <cell r="A1174" t="str">
            <v>HID/00029.06.01</v>
          </cell>
          <cell r="C1174">
            <v>52176.6</v>
          </cell>
          <cell r="F1174">
            <v>52176.6</v>
          </cell>
        </row>
        <row r="1175">
          <cell r="A1175" t="str">
            <v>HID/00029.07.01</v>
          </cell>
          <cell r="C1175">
            <v>42949.9</v>
          </cell>
          <cell r="F1175">
            <v>42949.9</v>
          </cell>
        </row>
        <row r="1176">
          <cell r="A1176" t="str">
            <v>HID/00029.08.01</v>
          </cell>
          <cell r="C1176">
            <v>26147.83</v>
          </cell>
          <cell r="F1176">
            <v>26147.83</v>
          </cell>
        </row>
        <row r="1177">
          <cell r="A1177" t="str">
            <v>HID/00029.09.01</v>
          </cell>
          <cell r="C1177">
            <v>62228.67</v>
          </cell>
          <cell r="F1177">
            <v>62228.67</v>
          </cell>
        </row>
        <row r="1178">
          <cell r="A1178" t="str">
            <v>HID/00029.10.01</v>
          </cell>
          <cell r="C1178">
            <v>4.5474735088646412E-12</v>
          </cell>
          <cell r="F1178">
            <v>4.5474735088646412E-12</v>
          </cell>
        </row>
        <row r="1179">
          <cell r="A1179" t="str">
            <v>HID/00029.11.01</v>
          </cell>
          <cell r="C1179">
            <v>51749.440000000002</v>
          </cell>
          <cell r="F1179">
            <v>51749.440000000002</v>
          </cell>
        </row>
        <row r="1180">
          <cell r="A1180" t="str">
            <v>HID/00029.13.01</v>
          </cell>
          <cell r="C1180">
            <v>11355.43</v>
          </cell>
          <cell r="F1180">
            <v>11355.43</v>
          </cell>
        </row>
        <row r="1181">
          <cell r="A1181" t="str">
            <v>HID/00029.14.01</v>
          </cell>
          <cell r="C1181">
            <v>18827.419999999998</v>
          </cell>
          <cell r="F1181">
            <v>18827.419999999998</v>
          </cell>
        </row>
        <row r="1182">
          <cell r="A1182" t="str">
            <v>HID/00029.15.01</v>
          </cell>
          <cell r="C1182">
            <v>76892.789999999994</v>
          </cell>
          <cell r="F1182">
            <v>76892.789999999994</v>
          </cell>
        </row>
        <row r="1183">
          <cell r="A1183" t="str">
            <v>HID/00029.16.01</v>
          </cell>
          <cell r="C1183">
            <v>34780.400000000001</v>
          </cell>
          <cell r="F1183">
            <v>34780.400000000001</v>
          </cell>
        </row>
        <row r="1184">
          <cell r="A1184" t="str">
            <v>HID/00029.17.01</v>
          </cell>
          <cell r="C1184">
            <v>40185.24</v>
          </cell>
          <cell r="F1184">
            <v>40185.24</v>
          </cell>
        </row>
        <row r="1185">
          <cell r="A1185" t="str">
            <v>HID/00029.18.01</v>
          </cell>
          <cell r="C1185">
            <v>13012.4</v>
          </cell>
          <cell r="D1185">
            <v>71078.600000000006</v>
          </cell>
          <cell r="F1185">
            <v>84091</v>
          </cell>
        </row>
        <row r="1186">
          <cell r="A1186" t="str">
            <v>HID/00029.19.01</v>
          </cell>
          <cell r="C1186">
            <v>40400.559999999998</v>
          </cell>
          <cell r="F1186">
            <v>40400.559999999998</v>
          </cell>
        </row>
        <row r="1187">
          <cell r="A1187" t="str">
            <v>HID/00029.20.01</v>
          </cell>
          <cell r="C1187">
            <v>1439.43</v>
          </cell>
          <cell r="D1187">
            <v>96277.04</v>
          </cell>
          <cell r="E1187">
            <v>1650.03</v>
          </cell>
          <cell r="F1187">
            <v>99366.5</v>
          </cell>
        </row>
        <row r="1188">
          <cell r="A1188" t="str">
            <v>HID/00029.22.01</v>
          </cell>
          <cell r="C1188">
            <v>61601.09</v>
          </cell>
          <cell r="F1188">
            <v>61601.09</v>
          </cell>
        </row>
        <row r="1189">
          <cell r="A1189" t="str">
            <v>HID/00029.23.01</v>
          </cell>
          <cell r="C1189">
            <v>26266.639999999999</v>
          </cell>
          <cell r="F1189">
            <v>26266.639999999999</v>
          </cell>
        </row>
        <row r="1190">
          <cell r="A1190" t="str">
            <v>HID/00029.24.01</v>
          </cell>
          <cell r="C1190">
            <v>39735.35</v>
          </cell>
          <cell r="F1190">
            <v>39735.35</v>
          </cell>
        </row>
        <row r="1191">
          <cell r="A1191" t="str">
            <v>HID/00029.26.01</v>
          </cell>
          <cell r="C1191">
            <v>4905.6000000000004</v>
          </cell>
          <cell r="D1191">
            <v>45991.25</v>
          </cell>
          <cell r="F1191">
            <v>50896.85</v>
          </cell>
        </row>
        <row r="1192">
          <cell r="A1192" t="str">
            <v>HID/00029.27.01</v>
          </cell>
          <cell r="C1192">
            <v>24311.8</v>
          </cell>
          <cell r="F1192">
            <v>24311.8</v>
          </cell>
        </row>
        <row r="1193">
          <cell r="A1193" t="str">
            <v>HID/00029.28.01</v>
          </cell>
          <cell r="C1193">
            <v>75035.009999999995</v>
          </cell>
          <cell r="F1193">
            <v>75035.009999999995</v>
          </cell>
        </row>
        <row r="1194">
          <cell r="A1194" t="str">
            <v>HID/00030.01.01</v>
          </cell>
          <cell r="C1194">
            <v>41129.54</v>
          </cell>
          <cell r="F1194">
            <v>41129.54</v>
          </cell>
        </row>
        <row r="1195">
          <cell r="A1195" t="str">
            <v>HID/00030.02.01</v>
          </cell>
          <cell r="C1195">
            <v>33799.15</v>
          </cell>
          <cell r="F1195">
            <v>33799.15</v>
          </cell>
        </row>
        <row r="1196">
          <cell r="A1196" t="str">
            <v>HID/00030.03.01</v>
          </cell>
          <cell r="C1196">
            <v>59371.66</v>
          </cell>
          <cell r="F1196">
            <v>59371.66</v>
          </cell>
        </row>
        <row r="1197">
          <cell r="A1197" t="str">
            <v>HID/00030.05.01</v>
          </cell>
          <cell r="C1197">
            <v>68498.52</v>
          </cell>
          <cell r="D1197">
            <v>18131.55</v>
          </cell>
          <cell r="F1197">
            <v>86630.07</v>
          </cell>
        </row>
        <row r="1198">
          <cell r="A1198" t="str">
            <v>HID/00030.06.01</v>
          </cell>
          <cell r="C1198">
            <v>70269.759999999995</v>
          </cell>
          <cell r="F1198">
            <v>70269.759999999995</v>
          </cell>
        </row>
        <row r="1199">
          <cell r="A1199" t="str">
            <v>HID/00030.07.01</v>
          </cell>
          <cell r="C1199">
            <v>25261.27</v>
          </cell>
          <cell r="F1199">
            <v>25261.27</v>
          </cell>
        </row>
        <row r="1200">
          <cell r="A1200" t="str">
            <v>HID/00030.08.01</v>
          </cell>
          <cell r="C1200">
            <v>59524.480000000003</v>
          </cell>
          <cell r="F1200">
            <v>59524.480000000003</v>
          </cell>
        </row>
        <row r="1201">
          <cell r="A1201" t="str">
            <v>HID/00030.09.01</v>
          </cell>
          <cell r="C1201">
            <v>28189.71</v>
          </cell>
          <cell r="F1201">
            <v>28189.71</v>
          </cell>
        </row>
        <row r="1202">
          <cell r="A1202" t="str">
            <v>HID/00030.10.01</v>
          </cell>
          <cell r="C1202">
            <v>92901.14</v>
          </cell>
          <cell r="F1202">
            <v>92901.14</v>
          </cell>
        </row>
        <row r="1203">
          <cell r="A1203" t="str">
            <v>HID/00030.11.01</v>
          </cell>
          <cell r="C1203">
            <v>349189.52</v>
          </cell>
          <cell r="F1203">
            <v>349189.52</v>
          </cell>
        </row>
        <row r="1204">
          <cell r="A1204" t="str">
            <v>HID/00030.12.01</v>
          </cell>
          <cell r="C1204">
            <v>4920</v>
          </cell>
          <cell r="F1204">
            <v>4920</v>
          </cell>
        </row>
        <row r="1205">
          <cell r="A1205" t="str">
            <v>HID/00030.13.01</v>
          </cell>
          <cell r="C1205">
            <v>51900.160000000003</v>
          </cell>
          <cell r="F1205">
            <v>51900.160000000003</v>
          </cell>
        </row>
        <row r="1206">
          <cell r="A1206" t="str">
            <v>HID/00030.14.01</v>
          </cell>
          <cell r="C1206">
            <v>105557.04</v>
          </cell>
          <cell r="F1206">
            <v>105557.04</v>
          </cell>
        </row>
        <row r="1207">
          <cell r="A1207" t="str">
            <v>HID/00030.15.01</v>
          </cell>
          <cell r="C1207">
            <v>75749.759999999995</v>
          </cell>
          <cell r="F1207">
            <v>75749.759999999995</v>
          </cell>
        </row>
        <row r="1208">
          <cell r="A1208" t="str">
            <v>HID/00030.16.01</v>
          </cell>
          <cell r="C1208">
            <v>73233.3</v>
          </cell>
          <cell r="F1208">
            <v>73233.3</v>
          </cell>
        </row>
        <row r="1209">
          <cell r="A1209" t="str">
            <v>HID/00030.17.01</v>
          </cell>
          <cell r="C1209">
            <v>60283.28</v>
          </cell>
          <cell r="F1209">
            <v>60283.28</v>
          </cell>
        </row>
        <row r="1210">
          <cell r="A1210" t="str">
            <v>HID/00031.01.01</v>
          </cell>
          <cell r="C1210">
            <v>43875.29</v>
          </cell>
          <cell r="F1210">
            <v>43875.29</v>
          </cell>
        </row>
        <row r="1211">
          <cell r="A1211" t="str">
            <v>HID/00031.02.01</v>
          </cell>
          <cell r="C1211">
            <v>20407.87</v>
          </cell>
          <cell r="D1211">
            <v>1844.24</v>
          </cell>
          <cell r="F1211">
            <v>22252.11</v>
          </cell>
        </row>
        <row r="1212">
          <cell r="A1212" t="str">
            <v>HID/00031.03.01</v>
          </cell>
          <cell r="C1212">
            <v>54030.81</v>
          </cell>
          <cell r="F1212">
            <v>54030.81</v>
          </cell>
        </row>
        <row r="1213">
          <cell r="A1213" t="str">
            <v>HID/00031.04.01</v>
          </cell>
          <cell r="C1213">
            <v>56600</v>
          </cell>
          <cell r="D1213">
            <v>-660</v>
          </cell>
          <cell r="F1213">
            <v>55940</v>
          </cell>
        </row>
        <row r="1214">
          <cell r="A1214" t="str">
            <v>HID/00031.05.01</v>
          </cell>
          <cell r="C1214">
            <v>37291.86</v>
          </cell>
          <cell r="D1214">
            <v>660</v>
          </cell>
          <cell r="F1214">
            <v>37951.86</v>
          </cell>
        </row>
        <row r="1215">
          <cell r="A1215" t="str">
            <v>HID/00031.06.01</v>
          </cell>
          <cell r="C1215">
            <v>20699.46</v>
          </cell>
          <cell r="F1215">
            <v>20699.46</v>
          </cell>
        </row>
        <row r="1216">
          <cell r="A1216" t="str">
            <v>HID/00031.07.01</v>
          </cell>
          <cell r="C1216">
            <v>10344</v>
          </cell>
          <cell r="D1216">
            <v>49938.45</v>
          </cell>
          <cell r="F1216">
            <v>60282.45</v>
          </cell>
        </row>
        <row r="1217">
          <cell r="A1217" t="str">
            <v>HID/00031.08.01</v>
          </cell>
          <cell r="C1217">
            <v>14718.92</v>
          </cell>
          <cell r="D1217">
            <v>128048.22</v>
          </cell>
          <cell r="F1217">
            <v>142767.14000000001</v>
          </cell>
        </row>
        <row r="1218">
          <cell r="A1218" t="str">
            <v>HID/00031.09.01</v>
          </cell>
          <cell r="C1218">
            <v>53392.9</v>
          </cell>
          <cell r="F1218">
            <v>53392.9</v>
          </cell>
        </row>
        <row r="1219">
          <cell r="A1219" t="str">
            <v>HID/00031.10.01</v>
          </cell>
          <cell r="C1219">
            <v>13494.43</v>
          </cell>
          <cell r="F1219">
            <v>13494.43</v>
          </cell>
        </row>
        <row r="1220">
          <cell r="A1220" t="str">
            <v>HID/00031.11.01</v>
          </cell>
          <cell r="C1220">
            <v>91969.03</v>
          </cell>
          <cell r="F1220">
            <v>91969.03</v>
          </cell>
        </row>
        <row r="1221">
          <cell r="A1221" t="str">
            <v>HID/00031.12.01</v>
          </cell>
          <cell r="C1221">
            <v>94219.56</v>
          </cell>
          <cell r="F1221">
            <v>94219.56</v>
          </cell>
        </row>
        <row r="1222">
          <cell r="A1222" t="str">
            <v>HID/00031.13.01</v>
          </cell>
          <cell r="C1222">
            <v>33571.18</v>
          </cell>
          <cell r="F1222">
            <v>33571.18</v>
          </cell>
        </row>
        <row r="1223">
          <cell r="A1223" t="str">
            <v>HID/00031.16.01</v>
          </cell>
          <cell r="C1223">
            <v>4472</v>
          </cell>
          <cell r="D1223">
            <v>342837.96</v>
          </cell>
          <cell r="F1223">
            <v>347309.96</v>
          </cell>
        </row>
        <row r="1224">
          <cell r="A1224" t="str">
            <v>HID/00031.17.01</v>
          </cell>
          <cell r="C1224">
            <v>4905.67</v>
          </cell>
          <cell r="D1224">
            <v>99974.38</v>
          </cell>
          <cell r="F1224">
            <v>104880.05</v>
          </cell>
        </row>
        <row r="1225">
          <cell r="A1225" t="str">
            <v>HID/00031.18.01</v>
          </cell>
          <cell r="C1225">
            <v>5661.44</v>
          </cell>
          <cell r="D1225">
            <v>93730.22</v>
          </cell>
          <cell r="F1225">
            <v>99391.66</v>
          </cell>
        </row>
        <row r="1226">
          <cell r="A1226" t="str">
            <v>HID/00032.01.01</v>
          </cell>
          <cell r="D1226">
            <v>278536.64</v>
          </cell>
          <cell r="E1226">
            <v>2.3554491690447321E-12</v>
          </cell>
          <cell r="F1226">
            <v>278536.64</v>
          </cell>
        </row>
        <row r="1227">
          <cell r="A1227" t="str">
            <v>HID/00033.01.01</v>
          </cell>
          <cell r="C1227">
            <v>200000</v>
          </cell>
          <cell r="D1227">
            <v>7104713.1900000004</v>
          </cell>
          <cell r="E1227">
            <v>5622594.2699999986</v>
          </cell>
          <cell r="F1227">
            <v>12927307.459999999</v>
          </cell>
        </row>
        <row r="1228">
          <cell r="A1228" t="str">
            <v>HID/00033.02.01</v>
          </cell>
          <cell r="E1228">
            <v>20150.080000000002</v>
          </cell>
          <cell r="F1228">
            <v>20150.080000000002</v>
          </cell>
        </row>
        <row r="1229">
          <cell r="A1229" t="str">
            <v>HID/00033.06.01</v>
          </cell>
          <cell r="C1229">
            <v>681976.43</v>
          </cell>
          <cell r="D1229">
            <v>359716.2</v>
          </cell>
          <cell r="E1229">
            <v>350704.88</v>
          </cell>
          <cell r="F1229">
            <v>1392397.51</v>
          </cell>
        </row>
        <row r="1230">
          <cell r="A1230" t="str">
            <v>HID/00034.01.01</v>
          </cell>
          <cell r="C1230">
            <v>50300.480000000003</v>
          </cell>
          <cell r="D1230">
            <v>-2.2737367544323206E-12</v>
          </cell>
          <cell r="E1230">
            <v>3033.8</v>
          </cell>
          <cell r="F1230">
            <v>53334.28</v>
          </cell>
        </row>
        <row r="1231">
          <cell r="A1231" t="str">
            <v>HID/00034.02.01</v>
          </cell>
          <cell r="C1231">
            <v>359</v>
          </cell>
          <cell r="F1231">
            <v>359</v>
          </cell>
        </row>
        <row r="1232">
          <cell r="A1232" t="str">
            <v>HID/00034.03.01</v>
          </cell>
          <cell r="C1232">
            <v>25000</v>
          </cell>
          <cell r="D1232">
            <v>0</v>
          </cell>
          <cell r="F1232">
            <v>25000</v>
          </cell>
        </row>
        <row r="1233">
          <cell r="A1233" t="str">
            <v>HID/00034.04.01</v>
          </cell>
          <cell r="C1233">
            <v>2441</v>
          </cell>
          <cell r="D1233">
            <v>-9.0949470177292824E-13</v>
          </cell>
          <cell r="F1233">
            <v>2441</v>
          </cell>
        </row>
        <row r="1234">
          <cell r="A1234" t="str">
            <v>HID/00034.05.01</v>
          </cell>
          <cell r="D1234">
            <v>-4.5474735088646412E-13</v>
          </cell>
          <cell r="E1234">
            <v>37216.230000000003</v>
          </cell>
          <cell r="F1234">
            <v>37216.230000000003</v>
          </cell>
        </row>
        <row r="1235">
          <cell r="A1235" t="str">
            <v>HID/00034.06.01</v>
          </cell>
          <cell r="D1235">
            <v>9.0949470177292824E-13</v>
          </cell>
          <cell r="F1235">
            <v>9.0949470177292824E-13</v>
          </cell>
        </row>
        <row r="1236">
          <cell r="A1236" t="str">
            <v>HID/00034.07.01</v>
          </cell>
          <cell r="D1236">
            <v>-1.8189894035458565E-12</v>
          </cell>
          <cell r="F1236">
            <v>-1.8189894035458565E-12</v>
          </cell>
        </row>
        <row r="1237">
          <cell r="A1237" t="str">
            <v>HID/00034.08.01</v>
          </cell>
          <cell r="E1237">
            <v>26739.87</v>
          </cell>
          <cell r="F1237">
            <v>26739.87</v>
          </cell>
        </row>
        <row r="1238">
          <cell r="A1238" t="str">
            <v>HID/00034.09.01</v>
          </cell>
          <cell r="E1238">
            <v>5515.36</v>
          </cell>
          <cell r="F1238">
            <v>5515.36</v>
          </cell>
        </row>
        <row r="1239">
          <cell r="A1239" t="str">
            <v>HID/00034.10.01</v>
          </cell>
          <cell r="E1239">
            <v>6586</v>
          </cell>
          <cell r="F1239">
            <v>6586</v>
          </cell>
        </row>
        <row r="1240">
          <cell r="A1240" t="str">
            <v>HID/00034.11.01</v>
          </cell>
          <cell r="E1240">
            <v>11133.36</v>
          </cell>
          <cell r="F1240">
            <v>11133.36</v>
          </cell>
        </row>
        <row r="1241">
          <cell r="A1241" t="str">
            <v>HID/00035.02.01</v>
          </cell>
          <cell r="D1241">
            <v>10168.92</v>
          </cell>
          <cell r="F1241">
            <v>10168.92</v>
          </cell>
        </row>
        <row r="1242">
          <cell r="A1242" t="str">
            <v>HID/00035.03.01</v>
          </cell>
          <cell r="D1242">
            <v>58403.41</v>
          </cell>
          <cell r="F1242">
            <v>58403.41</v>
          </cell>
        </row>
        <row r="1243">
          <cell r="A1243" t="str">
            <v>HID/00035.04.01</v>
          </cell>
          <cell r="D1243">
            <v>111719.35</v>
          </cell>
          <cell r="F1243">
            <v>111719.35</v>
          </cell>
        </row>
        <row r="1244">
          <cell r="A1244" t="str">
            <v>HID/00035.05.01</v>
          </cell>
          <cell r="D1244">
            <v>62124.25</v>
          </cell>
          <cell r="F1244">
            <v>62124.25</v>
          </cell>
        </row>
        <row r="1245">
          <cell r="A1245" t="str">
            <v>HID/00035.06.01</v>
          </cell>
          <cell r="D1245">
            <v>84478.17</v>
          </cell>
          <cell r="F1245">
            <v>84478.17</v>
          </cell>
        </row>
        <row r="1246">
          <cell r="A1246" t="str">
            <v>HID/00035.07.01</v>
          </cell>
          <cell r="D1246">
            <v>24457.43</v>
          </cell>
          <cell r="F1246">
            <v>24457.43</v>
          </cell>
        </row>
        <row r="1247">
          <cell r="A1247" t="str">
            <v>HID/00035.08.01</v>
          </cell>
          <cell r="D1247">
            <v>56114.89</v>
          </cell>
          <cell r="F1247">
            <v>56114.89</v>
          </cell>
        </row>
        <row r="1248">
          <cell r="A1248" t="str">
            <v>HID/00035.09.01</v>
          </cell>
          <cell r="D1248">
            <v>23024.46</v>
          </cell>
          <cell r="F1248">
            <v>23024.46</v>
          </cell>
        </row>
        <row r="1249">
          <cell r="A1249" t="str">
            <v>HID/00035.10.01</v>
          </cell>
          <cell r="D1249">
            <v>62324.94</v>
          </cell>
          <cell r="F1249">
            <v>62324.94</v>
          </cell>
        </row>
        <row r="1250">
          <cell r="A1250" t="str">
            <v>HID/00035.11.01</v>
          </cell>
          <cell r="D1250">
            <v>23537.45</v>
          </cell>
          <cell r="F1250">
            <v>23537.45</v>
          </cell>
        </row>
        <row r="1251">
          <cell r="A1251" t="str">
            <v>HID/00035.12.01</v>
          </cell>
          <cell r="D1251">
            <v>38724.449999999997</v>
          </cell>
          <cell r="F1251">
            <v>38724.449999999997</v>
          </cell>
        </row>
        <row r="1252">
          <cell r="A1252" t="str">
            <v>HID/00035.13.01</v>
          </cell>
          <cell r="D1252">
            <v>17766.78</v>
          </cell>
          <cell r="F1252">
            <v>17766.78</v>
          </cell>
        </row>
        <row r="1253">
          <cell r="A1253" t="str">
            <v>HID/00035.14.01</v>
          </cell>
          <cell r="D1253">
            <v>48585.22</v>
          </cell>
          <cell r="F1253">
            <v>48585.22</v>
          </cell>
        </row>
        <row r="1254">
          <cell r="A1254" t="str">
            <v>HID/00035.15.01</v>
          </cell>
          <cell r="D1254">
            <v>17882.27</v>
          </cell>
          <cell r="F1254">
            <v>17882.27</v>
          </cell>
        </row>
        <row r="1255">
          <cell r="A1255" t="str">
            <v>HID/00035.16.01</v>
          </cell>
          <cell r="D1255">
            <v>77770</v>
          </cell>
          <cell r="E1255">
            <v>668.27</v>
          </cell>
          <cell r="F1255">
            <v>78438.27</v>
          </cell>
        </row>
        <row r="1256">
          <cell r="A1256" t="str">
            <v>HID/00035.17.01</v>
          </cell>
          <cell r="D1256">
            <v>74066.87</v>
          </cell>
          <cell r="F1256">
            <v>74066.87</v>
          </cell>
        </row>
        <row r="1257">
          <cell r="A1257" t="str">
            <v>HID/00035.18.01</v>
          </cell>
          <cell r="D1257">
            <v>82481.11</v>
          </cell>
          <cell r="F1257">
            <v>82481.11</v>
          </cell>
        </row>
        <row r="1258">
          <cell r="A1258" t="str">
            <v>HID/00035.19.01</v>
          </cell>
          <cell r="D1258">
            <v>13684</v>
          </cell>
          <cell r="F1258">
            <v>13684</v>
          </cell>
        </row>
        <row r="1259">
          <cell r="A1259" t="str">
            <v>HID/00035.20.01</v>
          </cell>
          <cell r="D1259">
            <v>15640.99</v>
          </cell>
          <cell r="F1259">
            <v>15640.99</v>
          </cell>
        </row>
        <row r="1260">
          <cell r="A1260" t="str">
            <v>HID/00035.21.01</v>
          </cell>
          <cell r="D1260">
            <v>43690</v>
          </cell>
          <cell r="F1260">
            <v>43690</v>
          </cell>
        </row>
        <row r="1261">
          <cell r="A1261" t="str">
            <v>HID/00035.22.01</v>
          </cell>
          <cell r="D1261">
            <v>32106.19</v>
          </cell>
          <cell r="F1261">
            <v>32106.19</v>
          </cell>
        </row>
        <row r="1262">
          <cell r="A1262" t="str">
            <v>HID/00035.23.01</v>
          </cell>
          <cell r="D1262">
            <v>46115.54</v>
          </cell>
          <cell r="F1262">
            <v>46115.54</v>
          </cell>
        </row>
        <row r="1263">
          <cell r="A1263" t="str">
            <v>HID/00035.24.01</v>
          </cell>
          <cell r="D1263">
            <v>23548.68</v>
          </cell>
          <cell r="F1263">
            <v>23548.68</v>
          </cell>
        </row>
        <row r="1264">
          <cell r="A1264" t="str">
            <v>HID/00035.25.01</v>
          </cell>
          <cell r="D1264">
            <v>52334.76</v>
          </cell>
          <cell r="F1264">
            <v>52334.76</v>
          </cell>
        </row>
        <row r="1265">
          <cell r="A1265" t="str">
            <v>HID/00035.26.01</v>
          </cell>
          <cell r="D1265">
            <v>14110.56</v>
          </cell>
          <cell r="F1265">
            <v>14110.56</v>
          </cell>
        </row>
        <row r="1266">
          <cell r="A1266" t="str">
            <v>HID/00035.27.01</v>
          </cell>
          <cell r="D1266">
            <v>40203</v>
          </cell>
          <cell r="F1266">
            <v>40203</v>
          </cell>
        </row>
        <row r="1267">
          <cell r="A1267" t="str">
            <v>HID/00035.28.01</v>
          </cell>
          <cell r="D1267">
            <v>25449.91</v>
          </cell>
          <cell r="F1267">
            <v>25449.91</v>
          </cell>
        </row>
        <row r="1268">
          <cell r="A1268" t="str">
            <v>HID/00035.29.01</v>
          </cell>
          <cell r="D1268">
            <v>56060.23</v>
          </cell>
          <cell r="E1268">
            <v>458.96</v>
          </cell>
          <cell r="F1268">
            <v>56519.19</v>
          </cell>
        </row>
        <row r="1269">
          <cell r="A1269" t="str">
            <v>HID/00035.30.01</v>
          </cell>
          <cell r="D1269">
            <v>34193.22</v>
          </cell>
          <cell r="F1269">
            <v>34193.22</v>
          </cell>
        </row>
        <row r="1270">
          <cell r="A1270" t="str">
            <v>HID/00035.31.01</v>
          </cell>
          <cell r="D1270">
            <v>19131.259999999998</v>
          </cell>
          <cell r="F1270">
            <v>19131.259999999998</v>
          </cell>
        </row>
        <row r="1271">
          <cell r="A1271" t="str">
            <v>HID/00035.32.01</v>
          </cell>
          <cell r="D1271">
            <v>638</v>
          </cell>
          <cell r="F1271">
            <v>638</v>
          </cell>
        </row>
        <row r="1272">
          <cell r="A1272" t="str">
            <v>HID/00035.33.01</v>
          </cell>
          <cell r="D1272">
            <v>35848.870000000003</v>
          </cell>
          <cell r="F1272">
            <v>35848.870000000003</v>
          </cell>
        </row>
        <row r="1273">
          <cell r="A1273" t="str">
            <v>HID/00035.34.01</v>
          </cell>
          <cell r="D1273">
            <v>16808.349999999999</v>
          </cell>
          <cell r="F1273">
            <v>16808.349999999999</v>
          </cell>
        </row>
        <row r="1274">
          <cell r="A1274" t="str">
            <v>HID/00035.35.01</v>
          </cell>
          <cell r="D1274">
            <v>70497.06</v>
          </cell>
          <cell r="E1274">
            <v>1863.6</v>
          </cell>
          <cell r="F1274">
            <v>72360.66</v>
          </cell>
        </row>
        <row r="1275">
          <cell r="A1275" t="str">
            <v>HID/00035.36.01</v>
          </cell>
          <cell r="D1275">
            <v>46240</v>
          </cell>
          <cell r="E1275">
            <v>9527.6299999999992</v>
          </cell>
          <cell r="F1275">
            <v>55767.63</v>
          </cell>
        </row>
        <row r="1276">
          <cell r="A1276" t="str">
            <v>HID/00035.37.01</v>
          </cell>
          <cell r="D1276">
            <v>65682.19</v>
          </cell>
          <cell r="F1276">
            <v>65682.19</v>
          </cell>
        </row>
        <row r="1277">
          <cell r="A1277" t="str">
            <v>HID/00035.38.01</v>
          </cell>
          <cell r="D1277">
            <v>37642.61</v>
          </cell>
          <cell r="F1277">
            <v>37642.61</v>
          </cell>
        </row>
        <row r="1278">
          <cell r="A1278" t="str">
            <v>HID/00035.39.01</v>
          </cell>
          <cell r="D1278">
            <v>78352.62</v>
          </cell>
          <cell r="F1278">
            <v>78352.62</v>
          </cell>
        </row>
        <row r="1279">
          <cell r="A1279" t="str">
            <v>HID/00035.40.01</v>
          </cell>
          <cell r="D1279">
            <v>40227.660000000003</v>
          </cell>
          <cell r="F1279">
            <v>40227.660000000003</v>
          </cell>
        </row>
        <row r="1280">
          <cell r="A1280" t="str">
            <v>HID/00035.41.01</v>
          </cell>
          <cell r="D1280">
            <v>82800</v>
          </cell>
          <cell r="E1280">
            <v>2635.62</v>
          </cell>
          <cell r="F1280">
            <v>85435.62</v>
          </cell>
        </row>
        <row r="1281">
          <cell r="A1281" t="str">
            <v>HID/00035.42.01</v>
          </cell>
          <cell r="D1281">
            <v>34800</v>
          </cell>
          <cell r="E1281">
            <v>7510.14</v>
          </cell>
          <cell r="F1281">
            <v>42310.14</v>
          </cell>
        </row>
        <row r="1282">
          <cell r="A1282" t="str">
            <v>HID/00035.44.01</v>
          </cell>
          <cell r="E1282">
            <v>34712.78</v>
          </cell>
          <cell r="F1282">
            <v>34712.78</v>
          </cell>
        </row>
        <row r="1283">
          <cell r="A1283" t="str">
            <v>HID/00035.45.01</v>
          </cell>
          <cell r="E1283">
            <v>73645</v>
          </cell>
          <cell r="F1283">
            <v>73645</v>
          </cell>
        </row>
        <row r="1284">
          <cell r="A1284" t="str">
            <v>HID/00035.47.01</v>
          </cell>
          <cell r="D1284">
            <v>44314</v>
          </cell>
          <cell r="E1284">
            <v>9467.44</v>
          </cell>
          <cell r="F1284">
            <v>53781.440000000002</v>
          </cell>
        </row>
        <row r="1285">
          <cell r="A1285" t="str">
            <v>HID/00036.01.01</v>
          </cell>
          <cell r="C1285">
            <v>10149.700000000001</v>
          </cell>
          <cell r="D1285">
            <v>31314.34</v>
          </cell>
          <cell r="F1285">
            <v>41464.04</v>
          </cell>
        </row>
        <row r="1286">
          <cell r="A1286" t="str">
            <v>HID/00036.02.01</v>
          </cell>
          <cell r="C1286">
            <v>12071.48</v>
          </cell>
          <cell r="D1286">
            <v>3058.89</v>
          </cell>
          <cell r="F1286">
            <v>15130.37</v>
          </cell>
        </row>
        <row r="1287">
          <cell r="A1287" t="str">
            <v>HID/00036.03.01</v>
          </cell>
          <cell r="C1287">
            <v>9914.4699999999993</v>
          </cell>
          <cell r="D1287">
            <v>16524.54</v>
          </cell>
          <cell r="F1287">
            <v>26439.01</v>
          </cell>
        </row>
        <row r="1288">
          <cell r="A1288" t="str">
            <v>HID/00036.04.01</v>
          </cell>
          <cell r="C1288">
            <v>10737.5</v>
          </cell>
          <cell r="D1288">
            <v>5657.07</v>
          </cell>
          <cell r="E1288">
            <v>28.2</v>
          </cell>
          <cell r="F1288">
            <v>16422.77</v>
          </cell>
        </row>
        <row r="1289">
          <cell r="A1289" t="str">
            <v>HID/00036.05.01</v>
          </cell>
          <cell r="C1289">
            <v>7444.75</v>
          </cell>
          <cell r="D1289">
            <v>41546.14</v>
          </cell>
          <cell r="F1289">
            <v>48990.89</v>
          </cell>
        </row>
        <row r="1290">
          <cell r="A1290" t="str">
            <v>HID/00036.06.01</v>
          </cell>
          <cell r="C1290">
            <v>8878.1</v>
          </cell>
          <cell r="D1290">
            <v>5095.5</v>
          </cell>
          <cell r="F1290">
            <v>13973.6</v>
          </cell>
        </row>
        <row r="1291">
          <cell r="A1291" t="str">
            <v>HID/00036.07.01</v>
          </cell>
          <cell r="C1291">
            <v>9382.48</v>
          </cell>
          <cell r="D1291">
            <v>15885.66</v>
          </cell>
          <cell r="F1291">
            <v>25268.14</v>
          </cell>
        </row>
        <row r="1292">
          <cell r="A1292" t="str">
            <v>HID/00036.08.01</v>
          </cell>
          <cell r="C1292">
            <v>11410</v>
          </cell>
          <cell r="D1292">
            <v>5065.3</v>
          </cell>
          <cell r="F1292">
            <v>16475.3</v>
          </cell>
        </row>
        <row r="1293">
          <cell r="A1293" t="str">
            <v>HID/00036.10.01</v>
          </cell>
          <cell r="D1293">
            <v>-4.5474735088646412E-13</v>
          </cell>
          <cell r="F1293">
            <v>-4.5474735088646412E-13</v>
          </cell>
        </row>
        <row r="1294">
          <cell r="A1294" t="str">
            <v>HID/00036.11.01</v>
          </cell>
          <cell r="D1294">
            <v>0</v>
          </cell>
          <cell r="E1294">
            <v>688.5</v>
          </cell>
          <cell r="F1294">
            <v>688.5</v>
          </cell>
        </row>
        <row r="1295">
          <cell r="A1295" t="str">
            <v>HID/00036.12.01</v>
          </cell>
          <cell r="D1295">
            <v>4.5474735088646412E-13</v>
          </cell>
          <cell r="E1295">
            <v>6612.84</v>
          </cell>
          <cell r="F1295">
            <v>6612.84</v>
          </cell>
        </row>
        <row r="1296">
          <cell r="A1296" t="str">
            <v>HID/00036.15.01</v>
          </cell>
          <cell r="D1296">
            <v>0</v>
          </cell>
          <cell r="E1296">
            <v>32648.02</v>
          </cell>
          <cell r="F1296">
            <v>32648.02</v>
          </cell>
        </row>
        <row r="1297">
          <cell r="A1297" t="str">
            <v>HID/00036.16.01</v>
          </cell>
          <cell r="D1297">
            <v>1.8189894035458565E-12</v>
          </cell>
          <cell r="E1297">
            <v>7708</v>
          </cell>
          <cell r="F1297">
            <v>7708</v>
          </cell>
        </row>
        <row r="1298">
          <cell r="A1298" t="str">
            <v>HID/00036.17.01</v>
          </cell>
          <cell r="D1298">
            <v>0</v>
          </cell>
          <cell r="E1298">
            <v>3301.24</v>
          </cell>
          <cell r="F1298">
            <v>3301.24</v>
          </cell>
        </row>
        <row r="1299">
          <cell r="A1299" t="str">
            <v>HID/00036.18.01</v>
          </cell>
          <cell r="D1299">
            <v>0</v>
          </cell>
          <cell r="E1299">
            <v>1200</v>
          </cell>
          <cell r="F1299">
            <v>1200</v>
          </cell>
        </row>
        <row r="1300">
          <cell r="A1300" t="str">
            <v>HID/00036.19.01</v>
          </cell>
          <cell r="D1300">
            <v>0</v>
          </cell>
          <cell r="F1300">
            <v>0</v>
          </cell>
        </row>
        <row r="1301">
          <cell r="A1301" t="str">
            <v>HID/00036.20.01</v>
          </cell>
          <cell r="D1301">
            <v>0</v>
          </cell>
          <cell r="F1301">
            <v>0</v>
          </cell>
        </row>
        <row r="1302">
          <cell r="A1302" t="str">
            <v>HID/00036.21.01</v>
          </cell>
          <cell r="D1302">
            <v>0</v>
          </cell>
          <cell r="F1302">
            <v>0</v>
          </cell>
        </row>
        <row r="1303">
          <cell r="A1303" t="str">
            <v>HID/00036.22.01</v>
          </cell>
          <cell r="D1303">
            <v>0</v>
          </cell>
          <cell r="F1303">
            <v>0</v>
          </cell>
        </row>
        <row r="1304">
          <cell r="A1304" t="str">
            <v>HID/00036.23.01</v>
          </cell>
          <cell r="D1304">
            <v>0</v>
          </cell>
          <cell r="F1304">
            <v>0</v>
          </cell>
        </row>
        <row r="1305">
          <cell r="A1305" t="str">
            <v>HID/00036.24.01</v>
          </cell>
          <cell r="D1305">
            <v>0</v>
          </cell>
          <cell r="E1305">
            <v>0</v>
          </cell>
          <cell r="F1305">
            <v>0</v>
          </cell>
        </row>
        <row r="1306">
          <cell r="A1306" t="str">
            <v>HID/00036.25.01</v>
          </cell>
          <cell r="D1306">
            <v>-9.0949470177292824E-13</v>
          </cell>
          <cell r="E1306">
            <v>3670.89</v>
          </cell>
          <cell r="F1306">
            <v>3670.89</v>
          </cell>
        </row>
        <row r="1307">
          <cell r="A1307" t="str">
            <v>HID/00036.26.01</v>
          </cell>
          <cell r="D1307">
            <v>-1.8189894035458565E-12</v>
          </cell>
          <cell r="E1307">
            <v>44.760000000000218</v>
          </cell>
          <cell r="F1307">
            <v>44.759999999998399</v>
          </cell>
        </row>
        <row r="1308">
          <cell r="A1308" t="str">
            <v>HID/00036.27.01</v>
          </cell>
          <cell r="D1308">
            <v>-3.637978807091713E-12</v>
          </cell>
          <cell r="E1308">
            <v>12675.61</v>
          </cell>
          <cell r="F1308">
            <v>12675.61</v>
          </cell>
        </row>
        <row r="1309">
          <cell r="A1309" t="str">
            <v>HID/00036.28.01</v>
          </cell>
          <cell r="D1309">
            <v>0</v>
          </cell>
          <cell r="F1309">
            <v>0</v>
          </cell>
        </row>
        <row r="1310">
          <cell r="A1310" t="str">
            <v>HID/00036.29.01</v>
          </cell>
          <cell r="D1310">
            <v>-1.8189894035458565E-12</v>
          </cell>
          <cell r="E1310">
            <v>3198.45</v>
          </cell>
          <cell r="F1310">
            <v>3198.45</v>
          </cell>
        </row>
        <row r="1311">
          <cell r="A1311" t="str">
            <v>HID/00036.30.01</v>
          </cell>
          <cell r="D1311">
            <v>9.0949470177292824E-13</v>
          </cell>
          <cell r="E1311">
            <v>7663.76</v>
          </cell>
          <cell r="F1311">
            <v>7663.76</v>
          </cell>
        </row>
        <row r="1312">
          <cell r="A1312" t="str">
            <v>HID/00036.31.01</v>
          </cell>
          <cell r="D1312">
            <v>1.8189894035458565E-12</v>
          </cell>
          <cell r="E1312">
            <v>10249.6</v>
          </cell>
          <cell r="F1312">
            <v>10249.6</v>
          </cell>
        </row>
        <row r="1313">
          <cell r="A1313" t="str">
            <v>HID/00036.32.01</v>
          </cell>
          <cell r="E1313">
            <v>39992.5</v>
          </cell>
          <cell r="F1313">
            <v>39992.5</v>
          </cell>
        </row>
        <row r="1314">
          <cell r="A1314" t="str">
            <v>HID/00036.33.01</v>
          </cell>
          <cell r="E1314">
            <v>19988</v>
          </cell>
          <cell r="F1314">
            <v>19988</v>
          </cell>
        </row>
        <row r="1315">
          <cell r="A1315" t="str">
            <v>HID/00036.34.01</v>
          </cell>
          <cell r="E1315">
            <v>61001.16</v>
          </cell>
          <cell r="F1315">
            <v>61001.16</v>
          </cell>
        </row>
        <row r="1316">
          <cell r="A1316" t="str">
            <v>HID/00036.35.01</v>
          </cell>
          <cell r="E1316">
            <v>27088.1</v>
          </cell>
          <cell r="F1316">
            <v>27088.1</v>
          </cell>
        </row>
        <row r="1317">
          <cell r="A1317" t="str">
            <v>HID/00036.36.01</v>
          </cell>
          <cell r="E1317">
            <v>32898</v>
          </cell>
          <cell r="F1317">
            <v>32898</v>
          </cell>
        </row>
        <row r="1318">
          <cell r="A1318" t="str">
            <v>HID/00036.37.01</v>
          </cell>
          <cell r="E1318">
            <v>4680</v>
          </cell>
          <cell r="F1318">
            <v>4680</v>
          </cell>
        </row>
        <row r="1319">
          <cell r="A1319" t="str">
            <v>HID/00036.38.01</v>
          </cell>
          <cell r="E1319">
            <v>24956</v>
          </cell>
          <cell r="F1319">
            <v>24956</v>
          </cell>
        </row>
        <row r="1320">
          <cell r="A1320" t="str">
            <v>HID/00036.39.01</v>
          </cell>
          <cell r="E1320">
            <v>33066</v>
          </cell>
          <cell r="F1320">
            <v>33066</v>
          </cell>
        </row>
        <row r="1321">
          <cell r="A1321" t="str">
            <v>HID/00036.40.01</v>
          </cell>
          <cell r="E1321">
            <v>11055.41</v>
          </cell>
          <cell r="F1321">
            <v>11055.41</v>
          </cell>
        </row>
        <row r="1322">
          <cell r="A1322" t="str">
            <v>HID/00036.41.01</v>
          </cell>
          <cell r="E1322">
            <v>5736</v>
          </cell>
          <cell r="F1322">
            <v>5736</v>
          </cell>
        </row>
        <row r="1323">
          <cell r="A1323" t="str">
            <v>HID/00036.43.01</v>
          </cell>
          <cell r="E1323">
            <v>3360</v>
          </cell>
          <cell r="F1323">
            <v>3360</v>
          </cell>
        </row>
        <row r="1324">
          <cell r="A1324" t="str">
            <v>HID/00036.44.01</v>
          </cell>
          <cell r="E1324">
            <v>22985.759999999998</v>
          </cell>
          <cell r="F1324">
            <v>22985.759999999998</v>
          </cell>
        </row>
        <row r="1325">
          <cell r="A1325" t="str">
            <v>HID/00036.45.01</v>
          </cell>
          <cell r="E1325">
            <v>9925.5</v>
          </cell>
          <cell r="F1325">
            <v>9925.5</v>
          </cell>
        </row>
        <row r="1326">
          <cell r="A1326" t="str">
            <v>HID/00036.46.01</v>
          </cell>
          <cell r="E1326">
            <v>38852.28</v>
          </cell>
          <cell r="F1326">
            <v>38852.28</v>
          </cell>
        </row>
        <row r="1327">
          <cell r="A1327" t="str">
            <v>HID/00036.49.01</v>
          </cell>
          <cell r="E1327">
            <v>4621.84</v>
          </cell>
          <cell r="F1327">
            <v>4621.84</v>
          </cell>
        </row>
        <row r="1328">
          <cell r="A1328" t="str">
            <v>HID/00036.50.01</v>
          </cell>
          <cell r="E1328">
            <v>5330.02</v>
          </cell>
          <cell r="F1328">
            <v>5330.02</v>
          </cell>
        </row>
        <row r="1329">
          <cell r="A1329" t="str">
            <v>HID/00036.51.01</v>
          </cell>
          <cell r="E1329">
            <v>130000</v>
          </cell>
          <cell r="F1329">
            <v>130000</v>
          </cell>
        </row>
        <row r="1330">
          <cell r="A1330" t="str">
            <v>HID/00036.52.01</v>
          </cell>
          <cell r="E1330">
            <v>288</v>
          </cell>
          <cell r="F1330">
            <v>288</v>
          </cell>
        </row>
        <row r="1331">
          <cell r="A1331" t="str">
            <v>HID/00036.53.01</v>
          </cell>
          <cell r="E1331">
            <v>3851</v>
          </cell>
          <cell r="F1331">
            <v>3851</v>
          </cell>
        </row>
        <row r="1332">
          <cell r="A1332" t="str">
            <v>HID/00036.54.01</v>
          </cell>
          <cell r="E1332">
            <v>576</v>
          </cell>
          <cell r="F1332">
            <v>576</v>
          </cell>
        </row>
        <row r="1333">
          <cell r="A1333" t="str">
            <v>HID/00036.55.01</v>
          </cell>
          <cell r="E1333">
            <v>1104</v>
          </cell>
          <cell r="F1333">
            <v>1104</v>
          </cell>
        </row>
        <row r="1334">
          <cell r="A1334" t="str">
            <v>HID/00036.56.01</v>
          </cell>
          <cell r="E1334">
            <v>3172</v>
          </cell>
          <cell r="F1334">
            <v>3172</v>
          </cell>
        </row>
        <row r="1335">
          <cell r="A1335" t="str">
            <v>HID/00036.57.01</v>
          </cell>
          <cell r="E1335">
            <v>674.24</v>
          </cell>
          <cell r="F1335">
            <v>674.24</v>
          </cell>
        </row>
        <row r="1336">
          <cell r="A1336" t="str">
            <v>HID/00037.01.01</v>
          </cell>
          <cell r="D1336">
            <v>-21126.28</v>
          </cell>
          <cell r="E1336">
            <v>28995.79</v>
          </cell>
          <cell r="F1336">
            <v>7869.510000000013</v>
          </cell>
        </row>
        <row r="1337">
          <cell r="A1337" t="str">
            <v>HID/00038.01.01</v>
          </cell>
          <cell r="D1337">
            <v>325709.84999999998</v>
          </cell>
          <cell r="E1337">
            <v>11134.56</v>
          </cell>
          <cell r="F1337">
            <v>336844.41</v>
          </cell>
        </row>
        <row r="1338">
          <cell r="A1338" t="str">
            <v>HID/00038.02.01</v>
          </cell>
          <cell r="D1338">
            <v>176631.9</v>
          </cell>
          <cell r="E1338">
            <v>-5121.62</v>
          </cell>
          <cell r="F1338">
            <v>171510.28</v>
          </cell>
        </row>
        <row r="1339">
          <cell r="A1339" t="str">
            <v>HID/00038.03.01</v>
          </cell>
          <cell r="D1339">
            <v>215897.47</v>
          </cell>
          <cell r="E1339">
            <v>57762.18</v>
          </cell>
          <cell r="F1339">
            <v>273659.65000000002</v>
          </cell>
        </row>
        <row r="1340">
          <cell r="A1340" t="str">
            <v>HID/00038.04.01</v>
          </cell>
          <cell r="E1340">
            <v>199578.47</v>
          </cell>
          <cell r="F1340">
            <v>199578.47</v>
          </cell>
        </row>
        <row r="1341">
          <cell r="A1341" t="str">
            <v>HID/00038.05.01</v>
          </cell>
          <cell r="E1341">
            <v>200017.63</v>
          </cell>
          <cell r="F1341">
            <v>200017.63</v>
          </cell>
        </row>
        <row r="1342">
          <cell r="A1342" t="str">
            <v>HID/00038.06.01</v>
          </cell>
          <cell r="E1342">
            <v>355441.18</v>
          </cell>
          <cell r="F1342">
            <v>355441.18</v>
          </cell>
        </row>
        <row r="1343">
          <cell r="A1343" t="str">
            <v>HID/00040.01.01</v>
          </cell>
          <cell r="D1343">
            <v>230948.8</v>
          </cell>
          <cell r="E1343">
            <v>85680</v>
          </cell>
          <cell r="F1343">
            <v>316628.8</v>
          </cell>
        </row>
        <row r="1344">
          <cell r="A1344" t="str">
            <v>HID/00041.01.01</v>
          </cell>
          <cell r="D1344">
            <v>43479.63</v>
          </cell>
          <cell r="E1344">
            <v>198.69</v>
          </cell>
          <cell r="F1344">
            <v>43678.32</v>
          </cell>
        </row>
        <row r="1345">
          <cell r="A1345" t="str">
            <v>HID/00041.02.01</v>
          </cell>
          <cell r="D1345">
            <v>291</v>
          </cell>
          <cell r="F1345">
            <v>291</v>
          </cell>
        </row>
        <row r="1346">
          <cell r="A1346" t="str">
            <v>HID/00041.03.01</v>
          </cell>
          <cell r="D1346">
            <v>90446.01</v>
          </cell>
          <cell r="E1346">
            <v>2935.09</v>
          </cell>
          <cell r="F1346">
            <v>93381.1</v>
          </cell>
        </row>
        <row r="1347">
          <cell r="A1347" t="str">
            <v>HID/00041.06.01</v>
          </cell>
          <cell r="D1347">
            <v>132812.87</v>
          </cell>
          <cell r="E1347">
            <v>5278.02</v>
          </cell>
          <cell r="F1347">
            <v>138090.89000000001</v>
          </cell>
        </row>
        <row r="1348">
          <cell r="A1348" t="str">
            <v>HID/00041.07.01</v>
          </cell>
          <cell r="D1348">
            <v>78289.94</v>
          </cell>
          <cell r="E1348">
            <v>1885.82</v>
          </cell>
          <cell r="F1348">
            <v>80175.759999999995</v>
          </cell>
        </row>
        <row r="1349">
          <cell r="A1349" t="str">
            <v>HID/00041.08.01</v>
          </cell>
          <cell r="D1349">
            <v>80862.679999999993</v>
          </cell>
          <cell r="E1349">
            <v>1488.27</v>
          </cell>
          <cell r="F1349">
            <v>82350.95</v>
          </cell>
        </row>
        <row r="1350">
          <cell r="A1350" t="str">
            <v>HID/00041.09.01</v>
          </cell>
          <cell r="D1350">
            <v>3507</v>
          </cell>
          <cell r="E1350">
            <v>0</v>
          </cell>
          <cell r="F1350">
            <v>3507</v>
          </cell>
        </row>
        <row r="1351">
          <cell r="A1351" t="str">
            <v>HID/00041.10.01</v>
          </cell>
          <cell r="D1351">
            <v>1764</v>
          </cell>
          <cell r="F1351">
            <v>1764</v>
          </cell>
        </row>
        <row r="1352">
          <cell r="A1352" t="str">
            <v>HID/00041.11.01</v>
          </cell>
          <cell r="D1352">
            <v>82564.75</v>
          </cell>
          <cell r="E1352">
            <v>7220.590000000012</v>
          </cell>
          <cell r="F1352">
            <v>89785.34</v>
          </cell>
        </row>
        <row r="1353">
          <cell r="A1353" t="str">
            <v>HID/00041.12.01</v>
          </cell>
          <cell r="D1353">
            <v>1260</v>
          </cell>
          <cell r="F1353">
            <v>1260</v>
          </cell>
        </row>
        <row r="1354">
          <cell r="A1354" t="str">
            <v>HID/00041.13.01</v>
          </cell>
          <cell r="D1354">
            <v>86192.87</v>
          </cell>
          <cell r="E1354">
            <v>1685.58</v>
          </cell>
          <cell r="F1354">
            <v>87878.45</v>
          </cell>
        </row>
        <row r="1355">
          <cell r="A1355" t="str">
            <v>HID/00041.14.01</v>
          </cell>
          <cell r="D1355">
            <v>13486</v>
          </cell>
          <cell r="E1355">
            <v>-7378</v>
          </cell>
          <cell r="F1355">
            <v>6108</v>
          </cell>
        </row>
        <row r="1356">
          <cell r="A1356" t="str">
            <v>HID/00041.15.01</v>
          </cell>
          <cell r="D1356">
            <v>25708.79</v>
          </cell>
          <cell r="E1356">
            <v>252</v>
          </cell>
          <cell r="F1356">
            <v>25960.79</v>
          </cell>
        </row>
        <row r="1357">
          <cell r="A1357" t="str">
            <v>HID/00041.16.01</v>
          </cell>
          <cell r="D1357">
            <v>72957</v>
          </cell>
          <cell r="E1357">
            <v>474.59000000000378</v>
          </cell>
          <cell r="F1357">
            <v>73431.59</v>
          </cell>
        </row>
        <row r="1358">
          <cell r="A1358" t="str">
            <v>HID/00041.17.01</v>
          </cell>
          <cell r="D1358">
            <v>60119.91</v>
          </cell>
          <cell r="E1358">
            <v>400.96</v>
          </cell>
          <cell r="F1358">
            <v>60520.87</v>
          </cell>
        </row>
        <row r="1359">
          <cell r="A1359" t="str">
            <v>HID/00041.18.01</v>
          </cell>
          <cell r="D1359">
            <v>18502.54</v>
          </cell>
          <cell r="F1359">
            <v>18502.54</v>
          </cell>
        </row>
        <row r="1360">
          <cell r="A1360" t="str">
            <v>HID/00041.19.01</v>
          </cell>
          <cell r="D1360">
            <v>61558</v>
          </cell>
          <cell r="E1360">
            <v>2287</v>
          </cell>
          <cell r="F1360">
            <v>63845</v>
          </cell>
        </row>
        <row r="1361">
          <cell r="A1361" t="str">
            <v>HID/00041.20.01</v>
          </cell>
          <cell r="D1361">
            <v>40627.279999999999</v>
          </cell>
          <cell r="F1361">
            <v>40627.279999999999</v>
          </cell>
        </row>
        <row r="1362">
          <cell r="A1362" t="str">
            <v>HID/00041.21.01</v>
          </cell>
          <cell r="D1362">
            <v>4851</v>
          </cell>
          <cell r="F1362">
            <v>4851</v>
          </cell>
        </row>
        <row r="1363">
          <cell r="A1363" t="str">
            <v>HID/00041.22.01</v>
          </cell>
          <cell r="D1363">
            <v>38482.769999999997</v>
          </cell>
          <cell r="E1363">
            <v>1167.04</v>
          </cell>
          <cell r="F1363">
            <v>39649.81</v>
          </cell>
        </row>
        <row r="1364">
          <cell r="A1364" t="str">
            <v>HID/00041.23.01</v>
          </cell>
          <cell r="D1364">
            <v>26993.07</v>
          </cell>
          <cell r="F1364">
            <v>26993.07</v>
          </cell>
        </row>
        <row r="1365">
          <cell r="A1365" t="str">
            <v>HID/00041.24.01</v>
          </cell>
          <cell r="D1365">
            <v>42126.23</v>
          </cell>
          <cell r="F1365">
            <v>42126.23</v>
          </cell>
        </row>
        <row r="1366">
          <cell r="A1366" t="str">
            <v>HID/00041.25.01</v>
          </cell>
          <cell r="D1366">
            <v>38690.129999999997</v>
          </cell>
          <cell r="F1366">
            <v>38690.129999999997</v>
          </cell>
        </row>
        <row r="1367">
          <cell r="A1367" t="str">
            <v>HID/00041.26.01</v>
          </cell>
          <cell r="D1367">
            <v>7605.12</v>
          </cell>
          <cell r="F1367">
            <v>7605.12</v>
          </cell>
        </row>
        <row r="1368">
          <cell r="A1368" t="str">
            <v>HID/00041.27.01</v>
          </cell>
          <cell r="D1368">
            <v>25748</v>
          </cell>
          <cell r="E1368">
            <v>0.74000000000160071</v>
          </cell>
          <cell r="F1368">
            <v>25748.74</v>
          </cell>
        </row>
        <row r="1369">
          <cell r="A1369" t="str">
            <v>HID/00041.28.01</v>
          </cell>
          <cell r="D1369">
            <v>2321</v>
          </cell>
          <cell r="E1369">
            <v>18158.419999999998</v>
          </cell>
          <cell r="F1369">
            <v>20479.419999999998</v>
          </cell>
        </row>
        <row r="1370">
          <cell r="A1370" t="str">
            <v>HID/00043.01.01</v>
          </cell>
          <cell r="D1370">
            <v>283022.02</v>
          </cell>
          <cell r="E1370">
            <v>48341.77</v>
          </cell>
          <cell r="F1370">
            <v>331363.78999999998</v>
          </cell>
        </row>
        <row r="1371">
          <cell r="A1371" t="str">
            <v>HID/00043.02.01</v>
          </cell>
          <cell r="D1371">
            <v>50036</v>
          </cell>
          <cell r="F1371">
            <v>50036</v>
          </cell>
        </row>
        <row r="1372">
          <cell r="A1372" t="str">
            <v>HID/00043.03.01</v>
          </cell>
          <cell r="E1372">
            <v>86960.31</v>
          </cell>
          <cell r="F1372">
            <v>86960.31</v>
          </cell>
        </row>
        <row r="1373">
          <cell r="A1373" t="str">
            <v>HID/00043.04.01</v>
          </cell>
          <cell r="E1373">
            <v>50920</v>
          </cell>
          <cell r="F1373">
            <v>50920</v>
          </cell>
        </row>
        <row r="1374">
          <cell r="A1374" t="str">
            <v>HID/00044.02.01</v>
          </cell>
          <cell r="E1374">
            <v>1908.6</v>
          </cell>
          <cell r="F1374">
            <v>1908.6</v>
          </cell>
        </row>
        <row r="1375">
          <cell r="A1375" t="str">
            <v>HID/00044.03.01</v>
          </cell>
          <cell r="E1375">
            <v>103389.41</v>
          </cell>
          <cell r="F1375">
            <v>103389.41</v>
          </cell>
        </row>
        <row r="1376">
          <cell r="A1376" t="str">
            <v>HID/00044.04.01</v>
          </cell>
          <cell r="E1376">
            <v>129199.58</v>
          </cell>
          <cell r="F1376">
            <v>129199.58</v>
          </cell>
        </row>
        <row r="1377">
          <cell r="A1377" t="str">
            <v>HID/00044.05.01</v>
          </cell>
          <cell r="E1377">
            <v>300433.01</v>
          </cell>
          <cell r="F1377">
            <v>300433.01</v>
          </cell>
        </row>
        <row r="1378">
          <cell r="A1378" t="str">
            <v>HID/00045.01.01</v>
          </cell>
          <cell r="E1378">
            <v>55442.81</v>
          </cell>
          <cell r="F1378">
            <v>55442.81</v>
          </cell>
        </row>
        <row r="1379">
          <cell r="A1379" t="str">
            <v>HID/00045.02.01</v>
          </cell>
          <cell r="E1379">
            <v>33199</v>
          </cell>
          <cell r="F1379">
            <v>33199</v>
          </cell>
        </row>
        <row r="1380">
          <cell r="A1380" t="str">
            <v>HID/00045.03.01</v>
          </cell>
          <cell r="E1380">
            <v>27720.93</v>
          </cell>
          <cell r="F1380">
            <v>27720.93</v>
          </cell>
        </row>
        <row r="1381">
          <cell r="A1381" t="str">
            <v>HID/00045.04.01</v>
          </cell>
          <cell r="E1381">
            <v>100316.41</v>
          </cell>
          <cell r="F1381">
            <v>100316.41</v>
          </cell>
        </row>
        <row r="1382">
          <cell r="A1382" t="str">
            <v>HID/00045.05.01</v>
          </cell>
          <cell r="E1382">
            <v>46038.19</v>
          </cell>
          <cell r="F1382">
            <v>46038.19</v>
          </cell>
        </row>
        <row r="1383">
          <cell r="A1383" t="str">
            <v>HID/00045.06.01</v>
          </cell>
          <cell r="E1383">
            <v>57774.37</v>
          </cell>
          <cell r="F1383">
            <v>57774.37</v>
          </cell>
        </row>
        <row r="1384">
          <cell r="A1384" t="str">
            <v>HID/00045.07.01</v>
          </cell>
          <cell r="E1384">
            <v>0</v>
          </cell>
          <cell r="F1384">
            <v>0</v>
          </cell>
        </row>
        <row r="1385">
          <cell r="A1385" t="str">
            <v>HID/00045.08.01</v>
          </cell>
          <cell r="E1385">
            <v>66278.47</v>
          </cell>
          <cell r="F1385">
            <v>66278.47</v>
          </cell>
        </row>
        <row r="1386">
          <cell r="A1386" t="str">
            <v>HID/00045.09.01</v>
          </cell>
          <cell r="E1386">
            <v>50120.92</v>
          </cell>
          <cell r="F1386">
            <v>50120.92</v>
          </cell>
        </row>
        <row r="1387">
          <cell r="A1387" t="str">
            <v>HID/00045.10.01</v>
          </cell>
          <cell r="E1387">
            <v>128271.41</v>
          </cell>
          <cell r="F1387">
            <v>128271.41</v>
          </cell>
        </row>
        <row r="1388">
          <cell r="A1388" t="str">
            <v>HID/00045.11.01</v>
          </cell>
          <cell r="E1388">
            <v>96602.67</v>
          </cell>
          <cell r="F1388">
            <v>96602.67</v>
          </cell>
        </row>
        <row r="1389">
          <cell r="A1389" t="str">
            <v>HID/00045.13.01</v>
          </cell>
          <cell r="E1389">
            <v>67247.63</v>
          </cell>
          <cell r="F1389">
            <v>67247.63</v>
          </cell>
        </row>
        <row r="1390">
          <cell r="A1390" t="str">
            <v>HID/00045.14.01</v>
          </cell>
          <cell r="E1390">
            <v>43471.79</v>
          </cell>
          <cell r="F1390">
            <v>43471.79</v>
          </cell>
        </row>
        <row r="1391">
          <cell r="A1391" t="str">
            <v>HID/00045.15.01</v>
          </cell>
          <cell r="E1391">
            <v>68675.070000000007</v>
          </cell>
          <cell r="F1391">
            <v>68675.070000000007</v>
          </cell>
        </row>
        <row r="1392">
          <cell r="A1392" t="str">
            <v>HID/00045.16.01</v>
          </cell>
          <cell r="E1392">
            <v>28398.51</v>
          </cell>
          <cell r="F1392">
            <v>28398.51</v>
          </cell>
        </row>
        <row r="1393">
          <cell r="A1393" t="str">
            <v>HID/00045.17.01</v>
          </cell>
          <cell r="E1393">
            <v>10453.48</v>
          </cell>
          <cell r="F1393">
            <v>10453.48</v>
          </cell>
        </row>
        <row r="1394">
          <cell r="A1394" t="str">
            <v>HID/00045.18.01</v>
          </cell>
          <cell r="E1394">
            <v>151442.06</v>
          </cell>
          <cell r="F1394">
            <v>151442.06</v>
          </cell>
        </row>
        <row r="1395">
          <cell r="A1395" t="str">
            <v>HID/00045.19.01</v>
          </cell>
          <cell r="E1395">
            <v>98596.78</v>
          </cell>
          <cell r="F1395">
            <v>98596.78</v>
          </cell>
        </row>
        <row r="1396">
          <cell r="A1396" t="str">
            <v>HID/00045.20.01</v>
          </cell>
          <cell r="E1396">
            <v>67871.38</v>
          </cell>
          <cell r="F1396">
            <v>67871.38</v>
          </cell>
        </row>
        <row r="1397">
          <cell r="A1397" t="str">
            <v>HID/00045.21.01</v>
          </cell>
          <cell r="E1397">
            <v>5865.74</v>
          </cell>
          <cell r="F1397">
            <v>5865.74</v>
          </cell>
        </row>
        <row r="1398">
          <cell r="A1398" t="str">
            <v>HID/00045.22.01</v>
          </cell>
          <cell r="E1398">
            <v>71367.360000000001</v>
          </cell>
          <cell r="F1398">
            <v>71367.360000000001</v>
          </cell>
        </row>
        <row r="1399">
          <cell r="A1399" t="str">
            <v>HID/00045.23.01</v>
          </cell>
          <cell r="E1399">
            <v>22259.86</v>
          </cell>
          <cell r="F1399">
            <v>22259.86</v>
          </cell>
        </row>
        <row r="1400">
          <cell r="A1400" t="str">
            <v>HID/00045.24.01</v>
          </cell>
          <cell r="E1400">
            <v>39504.410000000003</v>
          </cell>
          <cell r="F1400">
            <v>39504.410000000003</v>
          </cell>
        </row>
        <row r="1401">
          <cell r="A1401" t="str">
            <v>HID/00045.25.01</v>
          </cell>
          <cell r="E1401">
            <v>106379.17</v>
          </cell>
          <cell r="F1401">
            <v>106379.17</v>
          </cell>
        </row>
        <row r="1402">
          <cell r="A1402" t="str">
            <v>HID/00045.26.01</v>
          </cell>
          <cell r="E1402">
            <v>85211.21</v>
          </cell>
          <cell r="F1402">
            <v>85211.21</v>
          </cell>
        </row>
        <row r="1403">
          <cell r="A1403" t="str">
            <v>HID/00045.27.01</v>
          </cell>
          <cell r="E1403">
            <v>60132.959999999999</v>
          </cell>
          <cell r="F1403">
            <v>60132.959999999999</v>
          </cell>
        </row>
        <row r="1404">
          <cell r="A1404" t="str">
            <v>HID/00045.28.01</v>
          </cell>
          <cell r="E1404">
            <v>9253.36</v>
          </cell>
          <cell r="F1404">
            <v>9253.36</v>
          </cell>
        </row>
        <row r="1405">
          <cell r="A1405" t="str">
            <v>HID/00045.29.01</v>
          </cell>
          <cell r="E1405">
            <v>37952.800000000003</v>
          </cell>
          <cell r="F1405">
            <v>37952.800000000003</v>
          </cell>
        </row>
        <row r="1406">
          <cell r="A1406" t="str">
            <v>HID/00045.30.01</v>
          </cell>
          <cell r="E1406">
            <v>5261.86</v>
          </cell>
          <cell r="F1406">
            <v>5261.86</v>
          </cell>
        </row>
        <row r="1407">
          <cell r="A1407" t="str">
            <v>HID/00045.31.01</v>
          </cell>
          <cell r="E1407">
            <v>9000</v>
          </cell>
          <cell r="F1407">
            <v>9000</v>
          </cell>
        </row>
        <row r="1408">
          <cell r="A1408" t="str">
            <v>HID/00045.32.01</v>
          </cell>
          <cell r="E1408">
            <v>89078.48</v>
          </cell>
          <cell r="F1408">
            <v>89078.48</v>
          </cell>
        </row>
        <row r="1409">
          <cell r="A1409" t="str">
            <v>HID/00045.33.01</v>
          </cell>
          <cell r="E1409">
            <v>82837.8</v>
          </cell>
          <cell r="F1409">
            <v>82837.8</v>
          </cell>
        </row>
        <row r="1410">
          <cell r="A1410" t="str">
            <v>HID/00045.34.01</v>
          </cell>
          <cell r="E1410">
            <v>45615.839999999997</v>
          </cell>
          <cell r="F1410">
            <v>45615.839999999997</v>
          </cell>
        </row>
        <row r="1411">
          <cell r="A1411" t="str">
            <v>HID/00045.35.01</v>
          </cell>
          <cell r="E1411">
            <v>65724.03</v>
          </cell>
          <cell r="F1411">
            <v>65724.03</v>
          </cell>
        </row>
        <row r="1412">
          <cell r="A1412" t="str">
            <v>HID/00045.36.01</v>
          </cell>
          <cell r="E1412">
            <v>78537.72</v>
          </cell>
          <cell r="F1412">
            <v>78537.72</v>
          </cell>
        </row>
        <row r="1413">
          <cell r="A1413" t="str">
            <v>HID/00045.37.01</v>
          </cell>
          <cell r="E1413">
            <v>33262.89</v>
          </cell>
          <cell r="F1413">
            <v>33262.89</v>
          </cell>
        </row>
        <row r="1414">
          <cell r="A1414" t="str">
            <v>HID/00045.38.01</v>
          </cell>
          <cell r="E1414">
            <v>10597.64</v>
          </cell>
          <cell r="F1414">
            <v>10597.64</v>
          </cell>
        </row>
        <row r="1415">
          <cell r="A1415" t="str">
            <v>HID/00045.39.01</v>
          </cell>
          <cell r="E1415">
            <v>95325.11</v>
          </cell>
          <cell r="F1415">
            <v>95325.11</v>
          </cell>
        </row>
        <row r="1416">
          <cell r="A1416" t="str">
            <v>HID/00046.02.01</v>
          </cell>
          <cell r="E1416">
            <v>307931</v>
          </cell>
          <cell r="F1416">
            <v>307931</v>
          </cell>
        </row>
        <row r="1417">
          <cell r="A1417" t="str">
            <v>HID/00046.03.01</v>
          </cell>
          <cell r="E1417">
            <v>22500</v>
          </cell>
          <cell r="F1417">
            <v>22500</v>
          </cell>
        </row>
        <row r="1418">
          <cell r="A1418" t="str">
            <v>HID/00046.04.01</v>
          </cell>
          <cell r="E1418">
            <v>53500</v>
          </cell>
          <cell r="F1418">
            <v>53500</v>
          </cell>
        </row>
        <row r="1419">
          <cell r="A1419" t="str">
            <v>HID/00046.05.01</v>
          </cell>
          <cell r="E1419">
            <v>34000</v>
          </cell>
          <cell r="F1419">
            <v>34000</v>
          </cell>
        </row>
        <row r="1420">
          <cell r="A1420" t="str">
            <v>HID/00099.03.01</v>
          </cell>
          <cell r="C1420">
            <v>28740.15</v>
          </cell>
          <cell r="F1420">
            <v>28740.15</v>
          </cell>
        </row>
        <row r="1421">
          <cell r="A1421" t="str">
            <v>HID/01001.05.01</v>
          </cell>
          <cell r="B1421">
            <v>82440.899999999994</v>
          </cell>
          <cell r="C1421">
            <v>33477.699999999997</v>
          </cell>
          <cell r="F1421">
            <v>115918.6</v>
          </cell>
        </row>
        <row r="1422">
          <cell r="A1422" t="str">
            <v>HID/01001.06.01</v>
          </cell>
          <cell r="B1422">
            <v>-8753.0599999999904</v>
          </cell>
          <cell r="C1422">
            <v>0</v>
          </cell>
          <cell r="F1422">
            <v>-8753.0599999999904</v>
          </cell>
        </row>
        <row r="1423">
          <cell r="A1423" t="str">
            <v>HID/01001.08.01</v>
          </cell>
          <cell r="C1423">
            <v>11416.92</v>
          </cell>
          <cell r="D1423">
            <v>9230.2800000000007</v>
          </cell>
          <cell r="E1423">
            <v>19104.75</v>
          </cell>
          <cell r="F1423">
            <v>39751.949999999997</v>
          </cell>
        </row>
        <row r="1424">
          <cell r="A1424" t="str">
            <v>HID/01002.03.01</v>
          </cell>
          <cell r="B1424">
            <v>2372.23</v>
          </cell>
          <cell r="C1424">
            <v>1752</v>
          </cell>
          <cell r="F1424">
            <v>4124.2299999999996</v>
          </cell>
        </row>
        <row r="1425">
          <cell r="A1425" t="str">
            <v>HID/01002.05.01</v>
          </cell>
          <cell r="B1425">
            <v>786087.22</v>
          </cell>
          <cell r="C1425">
            <v>133671.97</v>
          </cell>
          <cell r="D1425">
            <v>22264.04</v>
          </cell>
          <cell r="E1425">
            <v>75</v>
          </cell>
          <cell r="F1425">
            <v>942098.23</v>
          </cell>
        </row>
        <row r="1426">
          <cell r="A1426" t="str">
            <v>HID/01002.06.01</v>
          </cell>
          <cell r="B1426">
            <v>7435</v>
          </cell>
          <cell r="F1426">
            <v>7435</v>
          </cell>
        </row>
        <row r="1427">
          <cell r="A1427" t="str">
            <v>HID/01002.08.01</v>
          </cell>
          <cell r="B1427">
            <v>44737.66</v>
          </cell>
          <cell r="C1427">
            <v>10179</v>
          </cell>
          <cell r="F1427">
            <v>54916.66</v>
          </cell>
        </row>
        <row r="1428">
          <cell r="A1428" t="str">
            <v>HID/01002.10.01</v>
          </cell>
          <cell r="B1428">
            <v>2310</v>
          </cell>
          <cell r="C1428">
            <v>12816</v>
          </cell>
          <cell r="D1428">
            <v>23033.55</v>
          </cell>
          <cell r="F1428">
            <v>38159.550000000003</v>
          </cell>
        </row>
        <row r="1429">
          <cell r="A1429" t="str">
            <v>HID/01003.01.01</v>
          </cell>
          <cell r="E1429">
            <v>1350</v>
          </cell>
          <cell r="F1429">
            <v>1350</v>
          </cell>
        </row>
        <row r="1430">
          <cell r="A1430" t="str">
            <v>HID/01004.01.01</v>
          </cell>
          <cell r="B1430">
            <v>22925</v>
          </cell>
          <cell r="C1430">
            <v>0</v>
          </cell>
          <cell r="F1430">
            <v>22925</v>
          </cell>
        </row>
        <row r="1431">
          <cell r="A1431" t="str">
            <v>HID/01005.01.01</v>
          </cell>
          <cell r="D1431">
            <v>185000</v>
          </cell>
          <cell r="F1431">
            <v>185000</v>
          </cell>
        </row>
        <row r="1432">
          <cell r="A1432" t="str">
            <v>HID/01005.02.01</v>
          </cell>
          <cell r="C1432">
            <v>8996.93</v>
          </cell>
          <cell r="D1432">
            <v>147404.37</v>
          </cell>
          <cell r="E1432">
            <v>193093.53</v>
          </cell>
          <cell r="F1432">
            <v>349494.83</v>
          </cell>
        </row>
        <row r="1433">
          <cell r="A1433" t="str">
            <v>HID/01005.03.01</v>
          </cell>
          <cell r="E1433">
            <v>0</v>
          </cell>
          <cell r="F1433">
            <v>0</v>
          </cell>
        </row>
        <row r="1434">
          <cell r="A1434" t="str">
            <v>HID/01005.04.01</v>
          </cell>
          <cell r="D1434">
            <v>0</v>
          </cell>
          <cell r="E1434">
            <v>98933.18</v>
          </cell>
          <cell r="F1434">
            <v>98933.18</v>
          </cell>
        </row>
        <row r="1435">
          <cell r="A1435" t="str">
            <v>HID/01005.05.01</v>
          </cell>
          <cell r="D1435">
            <v>242046.1</v>
          </cell>
          <cell r="E1435">
            <v>22675.55</v>
          </cell>
          <cell r="F1435">
            <v>264721.65000000002</v>
          </cell>
        </row>
        <row r="1436">
          <cell r="A1436" t="str">
            <v>HID/01005.06.01</v>
          </cell>
          <cell r="E1436">
            <v>9579.5</v>
          </cell>
          <cell r="F1436">
            <v>9579.5</v>
          </cell>
        </row>
        <row r="1437">
          <cell r="A1437" t="str">
            <v>HID/01005.07.01</v>
          </cell>
          <cell r="D1437">
            <v>2500</v>
          </cell>
          <cell r="E1437">
            <v>152000</v>
          </cell>
          <cell r="F1437">
            <v>154500</v>
          </cell>
        </row>
        <row r="1438">
          <cell r="A1438" t="str">
            <v>HID/01005.08.01</v>
          </cell>
          <cell r="E1438">
            <v>120655</v>
          </cell>
          <cell r="F1438">
            <v>120655</v>
          </cell>
        </row>
        <row r="1439">
          <cell r="A1439" t="str">
            <v>HID/01005.09.01</v>
          </cell>
          <cell r="E1439">
            <v>0</v>
          </cell>
          <cell r="F1439">
            <v>0</v>
          </cell>
        </row>
        <row r="1440">
          <cell r="A1440" t="str">
            <v>HID/01005.10.01</v>
          </cell>
          <cell r="E1440">
            <v>125084.41</v>
          </cell>
          <cell r="F1440">
            <v>125084.41</v>
          </cell>
        </row>
        <row r="1441">
          <cell r="A1441" t="str">
            <v>HID/01005.11.01</v>
          </cell>
          <cell r="E1441">
            <v>390</v>
          </cell>
          <cell r="F1441">
            <v>390</v>
          </cell>
        </row>
        <row r="1442">
          <cell r="A1442" t="str">
            <v>HID/01005.12.01</v>
          </cell>
          <cell r="E1442">
            <v>14294.1</v>
          </cell>
          <cell r="F1442">
            <v>14294.1</v>
          </cell>
        </row>
        <row r="1443">
          <cell r="A1443" t="str">
            <v>HID/01007.01.01</v>
          </cell>
          <cell r="C1443">
            <v>44044.26</v>
          </cell>
          <cell r="F1443">
            <v>44044.26</v>
          </cell>
        </row>
        <row r="1444">
          <cell r="A1444" t="str">
            <v>HID/01010.01.01</v>
          </cell>
          <cell r="D1444">
            <v>268934.06</v>
          </cell>
          <cell r="E1444">
            <v>339747.16</v>
          </cell>
          <cell r="F1444">
            <v>608681.22</v>
          </cell>
        </row>
        <row r="1445">
          <cell r="A1445" t="str">
            <v>HID/01010.02.01</v>
          </cell>
          <cell r="E1445">
            <v>48634.25</v>
          </cell>
          <cell r="F1445">
            <v>48634.25</v>
          </cell>
        </row>
        <row r="1446">
          <cell r="A1446" t="str">
            <v>HID/01011.01.01</v>
          </cell>
          <cell r="E1446">
            <v>1184175.1499999999</v>
          </cell>
          <cell r="F1446">
            <v>1184175.1499999999</v>
          </cell>
        </row>
        <row r="1447">
          <cell r="A1447" t="str">
            <v>HID/01012.01.01</v>
          </cell>
          <cell r="E1447">
            <v>42182.39</v>
          </cell>
          <cell r="F1447">
            <v>42182.39</v>
          </cell>
        </row>
        <row r="1448">
          <cell r="A1448" t="str">
            <v>HID/01013.01.01</v>
          </cell>
          <cell r="E1448">
            <v>1.0899725566559937E-11</v>
          </cell>
          <cell r="F1448">
            <v>1.0899725566559937E-11</v>
          </cell>
        </row>
        <row r="1449">
          <cell r="A1449" t="str">
            <v>HID/01013.02.01</v>
          </cell>
          <cell r="E1449">
            <v>38707.4</v>
          </cell>
          <cell r="F1449">
            <v>38707.4</v>
          </cell>
        </row>
        <row r="1450">
          <cell r="A1450" t="str">
            <v>HID/01013.03.01</v>
          </cell>
          <cell r="E1450">
            <v>31526</v>
          </cell>
          <cell r="F1450">
            <v>31526</v>
          </cell>
        </row>
        <row r="1451">
          <cell r="A1451" t="str">
            <v>HID/01013.04.01</v>
          </cell>
          <cell r="E1451">
            <v>405</v>
          </cell>
          <cell r="F1451">
            <v>405</v>
          </cell>
        </row>
        <row r="1452">
          <cell r="A1452" t="str">
            <v>HID/01013.06.01</v>
          </cell>
          <cell r="E1452">
            <v>6913.5</v>
          </cell>
          <cell r="F1452">
            <v>6913.5</v>
          </cell>
        </row>
        <row r="1453">
          <cell r="A1453" t="str">
            <v>HID/01013.07.01</v>
          </cell>
          <cell r="E1453">
            <v>2895</v>
          </cell>
          <cell r="F1453">
            <v>2895</v>
          </cell>
        </row>
        <row r="1454">
          <cell r="A1454" t="str">
            <v>HID/01013.08.01</v>
          </cell>
          <cell r="E1454">
            <v>229966.36</v>
          </cell>
          <cell r="F1454">
            <v>229966.36</v>
          </cell>
        </row>
        <row r="1455">
          <cell r="A1455" t="str">
            <v>HID/01014.01.01</v>
          </cell>
          <cell r="E1455">
            <v>122736.79</v>
          </cell>
          <cell r="F1455">
            <v>122736.79</v>
          </cell>
        </row>
        <row r="1456">
          <cell r="A1456" t="str">
            <v>HID/01015.01.01</v>
          </cell>
          <cell r="E1456">
            <v>25753</v>
          </cell>
          <cell r="F1456">
            <v>25753</v>
          </cell>
        </row>
        <row r="1457">
          <cell r="A1457" t="str">
            <v>HSG/01001.02.01</v>
          </cell>
          <cell r="B1457">
            <v>495395</v>
          </cell>
          <cell r="F1457">
            <v>495395</v>
          </cell>
        </row>
        <row r="1458">
          <cell r="A1458" t="str">
            <v>HSG/01002.02.01</v>
          </cell>
          <cell r="B1458">
            <v>1021794</v>
          </cell>
          <cell r="C1458">
            <v>1021794</v>
          </cell>
          <cell r="D1458">
            <v>510897</v>
          </cell>
          <cell r="F1458">
            <v>2554485</v>
          </cell>
        </row>
        <row r="1459">
          <cell r="A1459" t="str">
            <v>HSG/01003.01.01</v>
          </cell>
          <cell r="D1459">
            <v>430608</v>
          </cell>
          <cell r="F1459">
            <v>430608</v>
          </cell>
        </row>
        <row r="1460">
          <cell r="A1460" t="str">
            <v>HSG/01003.02.01</v>
          </cell>
          <cell r="D1460">
            <v>430608</v>
          </cell>
          <cell r="F1460">
            <v>430608</v>
          </cell>
        </row>
        <row r="1461">
          <cell r="A1461" t="str">
            <v>HSG/01003.03.01</v>
          </cell>
          <cell r="E1461">
            <v>215304</v>
          </cell>
          <cell r="F1461">
            <v>215304</v>
          </cell>
        </row>
        <row r="1462">
          <cell r="A1462" t="str">
            <v>HSG/01005.01.01</v>
          </cell>
          <cell r="C1462">
            <v>95600</v>
          </cell>
          <cell r="F1462">
            <v>95600</v>
          </cell>
        </row>
        <row r="1463">
          <cell r="A1463" t="str">
            <v>HSG/01005.02.01</v>
          </cell>
          <cell r="C1463">
            <v>95600</v>
          </cell>
          <cell r="F1463">
            <v>95600</v>
          </cell>
        </row>
        <row r="1464">
          <cell r="A1464" t="str">
            <v>HSG/01005.03.01</v>
          </cell>
          <cell r="D1464">
            <v>47800</v>
          </cell>
          <cell r="F1464">
            <v>47800</v>
          </cell>
        </row>
        <row r="1465">
          <cell r="A1465" t="str">
            <v>HSG/01006.01.01</v>
          </cell>
          <cell r="B1465">
            <v>17248</v>
          </cell>
          <cell r="F1465">
            <v>17248</v>
          </cell>
        </row>
        <row r="1466">
          <cell r="A1466" t="str">
            <v>HSG/01007.01.01</v>
          </cell>
          <cell r="B1466">
            <v>906838</v>
          </cell>
          <cell r="C1466">
            <v>906838</v>
          </cell>
          <cell r="E1466">
            <v>453418</v>
          </cell>
          <cell r="F1466">
            <v>2267094</v>
          </cell>
        </row>
        <row r="1467">
          <cell r="A1467" t="str">
            <v>HSG/01009.01.01</v>
          </cell>
          <cell r="C1467">
            <v>180334</v>
          </cell>
          <cell r="F1467">
            <v>180334</v>
          </cell>
        </row>
        <row r="1468">
          <cell r="A1468" t="str">
            <v>HSG/01011.01.01</v>
          </cell>
          <cell r="B1468">
            <v>159229</v>
          </cell>
          <cell r="C1468">
            <v>15750</v>
          </cell>
          <cell r="E1468">
            <v>20899.22</v>
          </cell>
          <cell r="F1468">
            <v>195878.22</v>
          </cell>
        </row>
        <row r="1469">
          <cell r="A1469" t="str">
            <v>HSG/01011.02.01</v>
          </cell>
          <cell r="B1469">
            <v>175012.59</v>
          </cell>
          <cell r="C1469">
            <v>-2883.59</v>
          </cell>
          <cell r="F1469">
            <v>172129</v>
          </cell>
        </row>
        <row r="1470">
          <cell r="A1470" t="str">
            <v>HSG/01011.03.01</v>
          </cell>
          <cell r="B1470">
            <v>164279</v>
          </cell>
          <cell r="F1470">
            <v>164279</v>
          </cell>
        </row>
        <row r="1471">
          <cell r="A1471" t="str">
            <v>HSG/01011.04.01</v>
          </cell>
          <cell r="B1471">
            <v>95104</v>
          </cell>
          <cell r="F1471">
            <v>95104</v>
          </cell>
        </row>
        <row r="1472">
          <cell r="A1472" t="str">
            <v>HSG/01011.05.01</v>
          </cell>
          <cell r="B1472">
            <v>13500</v>
          </cell>
          <cell r="C1472">
            <v>122472.04</v>
          </cell>
          <cell r="F1472">
            <v>135972.04</v>
          </cell>
        </row>
        <row r="1473">
          <cell r="A1473" t="str">
            <v>HSG/01011.06.01</v>
          </cell>
          <cell r="B1473">
            <v>176816.32</v>
          </cell>
          <cell r="C1473">
            <v>1650</v>
          </cell>
          <cell r="F1473">
            <v>178466.32</v>
          </cell>
        </row>
        <row r="1474">
          <cell r="A1474" t="str">
            <v>HSG/01011.07.01</v>
          </cell>
          <cell r="C1474">
            <v>139842.74</v>
          </cell>
          <cell r="F1474">
            <v>139842.74</v>
          </cell>
        </row>
        <row r="1475">
          <cell r="A1475" t="str">
            <v>HSG/01011.08.01</v>
          </cell>
          <cell r="B1475">
            <v>2955651.82</v>
          </cell>
          <cell r="F1475">
            <v>2955651.82</v>
          </cell>
        </row>
        <row r="1476">
          <cell r="A1476" t="str">
            <v>HSG/01011.09.01</v>
          </cell>
          <cell r="C1476">
            <v>143325</v>
          </cell>
          <cell r="F1476">
            <v>143325</v>
          </cell>
        </row>
        <row r="1477">
          <cell r="A1477" t="str">
            <v>HSG/01011.10.01</v>
          </cell>
          <cell r="C1477">
            <v>0</v>
          </cell>
          <cell r="F1477">
            <v>0</v>
          </cell>
        </row>
        <row r="1478">
          <cell r="A1478" t="str">
            <v>HSG/01011.11.01</v>
          </cell>
          <cell r="C1478">
            <v>125105.37</v>
          </cell>
          <cell r="D1478">
            <v>2784</v>
          </cell>
          <cell r="F1478">
            <v>127889.37</v>
          </cell>
        </row>
        <row r="1479">
          <cell r="A1479" t="str">
            <v>HSG/01011.12.01</v>
          </cell>
          <cell r="C1479">
            <v>127500</v>
          </cell>
          <cell r="D1479">
            <v>1309</v>
          </cell>
          <cell r="E1479">
            <v>-1309</v>
          </cell>
          <cell r="F1479">
            <v>127500</v>
          </cell>
        </row>
        <row r="1480">
          <cell r="A1480" t="str">
            <v>HSG/01011.13.01</v>
          </cell>
          <cell r="C1480">
            <v>19425.75</v>
          </cell>
          <cell r="D1480">
            <v>348908.99</v>
          </cell>
          <cell r="E1480">
            <v>234143.02</v>
          </cell>
          <cell r="F1480">
            <v>602477.76</v>
          </cell>
        </row>
        <row r="1481">
          <cell r="A1481" t="str">
            <v>HSG/01011.18.01</v>
          </cell>
          <cell r="C1481">
            <v>74109.75</v>
          </cell>
          <cell r="D1481">
            <v>24821.8</v>
          </cell>
          <cell r="F1481">
            <v>98931.55</v>
          </cell>
        </row>
        <row r="1482">
          <cell r="A1482" t="str">
            <v>HSG/01011.19.01</v>
          </cell>
          <cell r="C1482">
            <v>392800</v>
          </cell>
          <cell r="D1482">
            <v>12748.3</v>
          </cell>
          <cell r="F1482">
            <v>405548.3</v>
          </cell>
        </row>
        <row r="1483">
          <cell r="A1483" t="str">
            <v>HSG/01011.20.01</v>
          </cell>
          <cell r="D1483">
            <v>191900</v>
          </cell>
          <cell r="F1483">
            <v>191900</v>
          </cell>
        </row>
        <row r="1484">
          <cell r="A1484" t="str">
            <v>HSG/01011.21.01</v>
          </cell>
          <cell r="D1484">
            <v>180614.62</v>
          </cell>
          <cell r="F1484">
            <v>180614.62</v>
          </cell>
        </row>
        <row r="1485">
          <cell r="A1485" t="str">
            <v>HSG/01011.22.01</v>
          </cell>
          <cell r="D1485">
            <v>4486</v>
          </cell>
          <cell r="F1485">
            <v>4486</v>
          </cell>
        </row>
        <row r="1486">
          <cell r="A1486" t="str">
            <v>HSG/01011.23.01</v>
          </cell>
          <cell r="D1486">
            <v>171850</v>
          </cell>
          <cell r="F1486">
            <v>171850</v>
          </cell>
        </row>
        <row r="1487">
          <cell r="A1487" t="str">
            <v>HSG/01011.24.01</v>
          </cell>
          <cell r="E1487">
            <v>207050</v>
          </cell>
          <cell r="F1487">
            <v>207050</v>
          </cell>
        </row>
        <row r="1488">
          <cell r="A1488" t="str">
            <v>HSG/01011.25.01</v>
          </cell>
          <cell r="E1488">
            <v>210000</v>
          </cell>
          <cell r="F1488">
            <v>210000</v>
          </cell>
        </row>
        <row r="1489">
          <cell r="A1489" t="str">
            <v>HSG/01011.26.01</v>
          </cell>
          <cell r="D1489">
            <v>217370</v>
          </cell>
          <cell r="F1489">
            <v>217370</v>
          </cell>
        </row>
        <row r="1490">
          <cell r="A1490" t="str">
            <v>HSG/01011.27.01</v>
          </cell>
          <cell r="E1490">
            <v>222270</v>
          </cell>
          <cell r="F1490">
            <v>222270</v>
          </cell>
        </row>
        <row r="1491">
          <cell r="A1491" t="str">
            <v>HSG/01011.28.01</v>
          </cell>
          <cell r="E1491">
            <v>219150</v>
          </cell>
          <cell r="F1491">
            <v>219150</v>
          </cell>
        </row>
        <row r="1492">
          <cell r="A1492" t="str">
            <v>HSG/01011.29.01</v>
          </cell>
          <cell r="E1492">
            <v>164883</v>
          </cell>
          <cell r="F1492">
            <v>164883</v>
          </cell>
        </row>
        <row r="1493">
          <cell r="A1493" t="str">
            <v>HSG/01011.30.01</v>
          </cell>
          <cell r="E1493">
            <v>169376.76</v>
          </cell>
          <cell r="F1493">
            <v>169376.76</v>
          </cell>
        </row>
        <row r="1494">
          <cell r="A1494" t="str">
            <v>HSG/01011.32.01</v>
          </cell>
          <cell r="E1494">
            <v>212150.52</v>
          </cell>
          <cell r="F1494">
            <v>212150.52</v>
          </cell>
        </row>
        <row r="1495">
          <cell r="A1495" t="str">
            <v>HSG/01011.33.01</v>
          </cell>
          <cell r="E1495">
            <v>126000.52</v>
          </cell>
          <cell r="F1495">
            <v>126000.52</v>
          </cell>
        </row>
        <row r="1496">
          <cell r="A1496" t="str">
            <v>HSG/01011.34.01</v>
          </cell>
          <cell r="E1496">
            <v>226595</v>
          </cell>
          <cell r="F1496">
            <v>226595</v>
          </cell>
        </row>
        <row r="1497">
          <cell r="A1497" t="str">
            <v>HSG/01011.35.01</v>
          </cell>
          <cell r="E1497">
            <v>130828.77</v>
          </cell>
          <cell r="F1497">
            <v>130828.77</v>
          </cell>
        </row>
        <row r="1498">
          <cell r="A1498" t="str">
            <v>HSG/01011.36.01</v>
          </cell>
          <cell r="E1498">
            <v>212150</v>
          </cell>
          <cell r="F1498">
            <v>212150</v>
          </cell>
        </row>
        <row r="1499">
          <cell r="A1499" t="str">
            <v>HSG/01011.37.01</v>
          </cell>
          <cell r="E1499">
            <v>172760.52</v>
          </cell>
          <cell r="F1499">
            <v>172760.52</v>
          </cell>
        </row>
        <row r="1500">
          <cell r="A1500" t="str">
            <v>HSG/01011.40.01</v>
          </cell>
          <cell r="E1500">
            <v>126147.93</v>
          </cell>
          <cell r="F1500">
            <v>126147.93</v>
          </cell>
        </row>
        <row r="1501">
          <cell r="A1501" t="str">
            <v>HSG/01011.43.01</v>
          </cell>
          <cell r="E1501">
            <v>4341.41</v>
          </cell>
          <cell r="F1501">
            <v>4341.41</v>
          </cell>
        </row>
        <row r="1502">
          <cell r="A1502" t="str">
            <v>HSG/01011.44.01</v>
          </cell>
          <cell r="E1502">
            <v>5289.86</v>
          </cell>
          <cell r="F1502">
            <v>5289.86</v>
          </cell>
        </row>
        <row r="1503">
          <cell r="A1503" t="str">
            <v>HSG/01011.45.01</v>
          </cell>
          <cell r="E1503">
            <v>4790.59</v>
          </cell>
          <cell r="F1503">
            <v>4790.59</v>
          </cell>
        </row>
        <row r="1504">
          <cell r="A1504" t="str">
            <v>HSG/01011.46.01</v>
          </cell>
          <cell r="E1504">
            <v>5194.16</v>
          </cell>
          <cell r="F1504">
            <v>5194.16</v>
          </cell>
        </row>
        <row r="1505">
          <cell r="A1505" t="str">
            <v>HSG/01011.48.01</v>
          </cell>
          <cell r="E1505">
            <v>4763.1400000000003</v>
          </cell>
          <cell r="F1505">
            <v>4763.1400000000003</v>
          </cell>
        </row>
        <row r="1506">
          <cell r="A1506" t="str">
            <v>HSG/01011.49.01</v>
          </cell>
          <cell r="E1506">
            <v>4710.6899999999996</v>
          </cell>
          <cell r="F1506">
            <v>4710.6899999999996</v>
          </cell>
        </row>
        <row r="1507">
          <cell r="A1507" t="str">
            <v>HSG/01011.50.01</v>
          </cell>
          <cell r="E1507">
            <v>5186.83</v>
          </cell>
          <cell r="F1507">
            <v>5186.83</v>
          </cell>
        </row>
        <row r="1508">
          <cell r="A1508" t="str">
            <v>HSG/01011.51.01</v>
          </cell>
          <cell r="E1508">
            <v>4827.3</v>
          </cell>
          <cell r="F1508">
            <v>4827.3</v>
          </cell>
        </row>
        <row r="1509">
          <cell r="A1509" t="str">
            <v>HSG/01011.52.01</v>
          </cell>
          <cell r="E1509">
            <v>4743.21</v>
          </cell>
          <cell r="F1509">
            <v>4743.21</v>
          </cell>
        </row>
        <row r="1510">
          <cell r="A1510" t="str">
            <v>HSG/01011.53.01</v>
          </cell>
          <cell r="E1510">
            <v>4400</v>
          </cell>
          <cell r="F1510">
            <v>4400</v>
          </cell>
        </row>
        <row r="1511">
          <cell r="A1511" t="str">
            <v>HSG/01011.54.01</v>
          </cell>
          <cell r="E1511">
            <v>3997.05</v>
          </cell>
          <cell r="F1511">
            <v>3997.05</v>
          </cell>
        </row>
        <row r="1512">
          <cell r="A1512" t="str">
            <v>HSG/01011.55.01</v>
          </cell>
          <cell r="E1512">
            <v>4926.72</v>
          </cell>
          <cell r="F1512">
            <v>4926.72</v>
          </cell>
        </row>
        <row r="1513">
          <cell r="A1513" t="str">
            <v>HSG/01011.56.01</v>
          </cell>
          <cell r="E1513">
            <v>5296.13</v>
          </cell>
          <cell r="F1513">
            <v>5296.13</v>
          </cell>
        </row>
        <row r="1514">
          <cell r="A1514" t="str">
            <v>HSG/01011.57.01</v>
          </cell>
          <cell r="E1514">
            <v>4717.1099999999997</v>
          </cell>
          <cell r="F1514">
            <v>4717.1099999999997</v>
          </cell>
        </row>
        <row r="1515">
          <cell r="A1515" t="str">
            <v>HSG/01011.58.01</v>
          </cell>
          <cell r="E1515">
            <v>4984.9799999999996</v>
          </cell>
          <cell r="F1515">
            <v>4984.9799999999996</v>
          </cell>
        </row>
        <row r="1516">
          <cell r="A1516" t="str">
            <v>HSG/01011.59.01</v>
          </cell>
          <cell r="E1516">
            <v>4865.47</v>
          </cell>
          <cell r="F1516">
            <v>4865.47</v>
          </cell>
        </row>
        <row r="1517">
          <cell r="A1517" t="str">
            <v>HSG/01011.60.01</v>
          </cell>
          <cell r="E1517">
            <v>4405.46</v>
          </cell>
          <cell r="F1517">
            <v>4405.46</v>
          </cell>
        </row>
        <row r="1518">
          <cell r="A1518" t="str">
            <v>HSG/01011.61.01</v>
          </cell>
          <cell r="E1518">
            <v>5069.09</v>
          </cell>
          <cell r="F1518">
            <v>5069.09</v>
          </cell>
        </row>
        <row r="1519">
          <cell r="A1519" t="str">
            <v>HSG/01011.62.01</v>
          </cell>
          <cell r="E1519">
            <v>3813.83</v>
          </cell>
          <cell r="F1519">
            <v>3813.83</v>
          </cell>
        </row>
        <row r="1520">
          <cell r="A1520" t="str">
            <v>HSG/01011.63.01</v>
          </cell>
          <cell r="E1520">
            <v>5229.93</v>
          </cell>
          <cell r="F1520">
            <v>5229.93</v>
          </cell>
        </row>
        <row r="1521">
          <cell r="A1521" t="str">
            <v>HSG/01011.64.01</v>
          </cell>
          <cell r="E1521">
            <v>4713.58</v>
          </cell>
          <cell r="F1521">
            <v>4713.58</v>
          </cell>
        </row>
        <row r="1522">
          <cell r="A1522" t="str">
            <v>HSG/01011.65.01</v>
          </cell>
          <cell r="E1522">
            <v>5247.23</v>
          </cell>
          <cell r="F1522">
            <v>5247.23</v>
          </cell>
        </row>
        <row r="1523">
          <cell r="A1523" t="str">
            <v>HSG/01011.66.01</v>
          </cell>
          <cell r="E1523">
            <v>4660.6899999999996</v>
          </cell>
          <cell r="F1523">
            <v>4660.6899999999996</v>
          </cell>
        </row>
        <row r="1524">
          <cell r="A1524" t="str">
            <v>HSG/01011.67.01</v>
          </cell>
          <cell r="E1524">
            <v>4648.09</v>
          </cell>
          <cell r="F1524">
            <v>4648.09</v>
          </cell>
        </row>
        <row r="1525">
          <cell r="A1525" t="str">
            <v>HSG/01011.68.01</v>
          </cell>
          <cell r="E1525">
            <v>4508.7</v>
          </cell>
          <cell r="F1525">
            <v>4508.7</v>
          </cell>
        </row>
        <row r="1526">
          <cell r="A1526" t="str">
            <v>HSG/01011.69.01</v>
          </cell>
          <cell r="E1526">
            <v>4538.58</v>
          </cell>
          <cell r="F1526">
            <v>4538.58</v>
          </cell>
        </row>
        <row r="1527">
          <cell r="A1527" t="str">
            <v>HSG/01011.70.01</v>
          </cell>
          <cell r="E1527">
            <v>4958.1099999999997</v>
          </cell>
          <cell r="F1527">
            <v>4958.1099999999997</v>
          </cell>
        </row>
        <row r="1528">
          <cell r="A1528" t="str">
            <v>HSG/01011.71.01</v>
          </cell>
          <cell r="E1528">
            <v>5305.22</v>
          </cell>
          <cell r="F1528">
            <v>5305.22</v>
          </cell>
        </row>
        <row r="1529">
          <cell r="A1529" t="str">
            <v>HSG/01011.72.01</v>
          </cell>
          <cell r="E1529">
            <v>5174.6499999999996</v>
          </cell>
          <cell r="F1529">
            <v>5174.6499999999996</v>
          </cell>
        </row>
        <row r="1530">
          <cell r="A1530" t="str">
            <v>HSG/01011.73.01</v>
          </cell>
          <cell r="E1530">
            <v>4945.08</v>
          </cell>
          <cell r="F1530">
            <v>4945.08</v>
          </cell>
        </row>
        <row r="1531">
          <cell r="A1531" t="str">
            <v>HSG/01011.74.01</v>
          </cell>
          <cell r="E1531">
            <v>5516.15</v>
          </cell>
          <cell r="F1531">
            <v>5516.15</v>
          </cell>
        </row>
        <row r="1532">
          <cell r="A1532" t="str">
            <v>HSG/01011.75.01</v>
          </cell>
          <cell r="E1532">
            <v>5094.9399999999996</v>
          </cell>
          <cell r="F1532">
            <v>5094.9399999999996</v>
          </cell>
        </row>
        <row r="1533">
          <cell r="A1533" t="str">
            <v>HSG/01011.76.01</v>
          </cell>
          <cell r="E1533">
            <v>4933.41</v>
          </cell>
          <cell r="F1533">
            <v>4933.41</v>
          </cell>
        </row>
        <row r="1534">
          <cell r="A1534" t="str">
            <v>HSG/01011.77.01</v>
          </cell>
          <cell r="E1534">
            <v>4805.68</v>
          </cell>
          <cell r="F1534">
            <v>4805.68</v>
          </cell>
        </row>
        <row r="1535">
          <cell r="A1535" t="str">
            <v>HSG/01011.78.01</v>
          </cell>
          <cell r="E1535">
            <v>5095.18</v>
          </cell>
          <cell r="F1535">
            <v>5095.18</v>
          </cell>
        </row>
        <row r="1536">
          <cell r="A1536" t="str">
            <v>HSG/01011.79.01</v>
          </cell>
          <cell r="E1536">
            <v>5172.17</v>
          </cell>
          <cell r="F1536">
            <v>5172.17</v>
          </cell>
        </row>
        <row r="1537">
          <cell r="A1537" t="str">
            <v>HSG/01011.80.01</v>
          </cell>
          <cell r="E1537">
            <v>4652.25</v>
          </cell>
          <cell r="F1537">
            <v>4652.25</v>
          </cell>
        </row>
        <row r="1538">
          <cell r="A1538" t="str">
            <v>HSG/01011.81.01</v>
          </cell>
          <cell r="E1538">
            <v>4804.16</v>
          </cell>
          <cell r="F1538">
            <v>4804.16</v>
          </cell>
        </row>
        <row r="1539">
          <cell r="A1539" t="str">
            <v>HSG/01011.82.01</v>
          </cell>
          <cell r="E1539">
            <v>3523.67</v>
          </cell>
          <cell r="F1539">
            <v>3523.67</v>
          </cell>
        </row>
        <row r="1540">
          <cell r="A1540" t="str">
            <v>HSG/01011.83.01</v>
          </cell>
          <cell r="E1540">
            <v>4812.01</v>
          </cell>
          <cell r="F1540">
            <v>4812.01</v>
          </cell>
        </row>
        <row r="1541">
          <cell r="A1541" t="str">
            <v>HSG/01011.84.01</v>
          </cell>
          <cell r="E1541">
            <v>4891.8100000000004</v>
          </cell>
          <cell r="F1541">
            <v>4891.8100000000004</v>
          </cell>
        </row>
        <row r="1542">
          <cell r="A1542" t="str">
            <v>HSG/01011.86.01</v>
          </cell>
          <cell r="E1542">
            <v>4524.99</v>
          </cell>
          <cell r="F1542">
            <v>4524.99</v>
          </cell>
        </row>
        <row r="1543">
          <cell r="A1543" t="str">
            <v>HSG/01011.87.01</v>
          </cell>
          <cell r="E1543">
            <v>5181.37</v>
          </cell>
          <cell r="F1543">
            <v>5181.37</v>
          </cell>
        </row>
        <row r="1544">
          <cell r="A1544" t="str">
            <v>HSG/01011.88.01</v>
          </cell>
          <cell r="E1544">
            <v>4498.04</v>
          </cell>
          <cell r="F1544">
            <v>4498.04</v>
          </cell>
        </row>
        <row r="1545">
          <cell r="A1545" t="str">
            <v>HSG/01011.89.01</v>
          </cell>
          <cell r="E1545">
            <v>4770.34</v>
          </cell>
          <cell r="F1545">
            <v>4770.34</v>
          </cell>
        </row>
        <row r="1546">
          <cell r="A1546" t="str">
            <v>HSG/01011.90.01</v>
          </cell>
          <cell r="E1546">
            <v>0</v>
          </cell>
          <cell r="F1546">
            <v>0</v>
          </cell>
        </row>
        <row r="1547">
          <cell r="A1547" t="str">
            <v>HSG/01011.91.01</v>
          </cell>
          <cell r="E1547">
            <v>122150</v>
          </cell>
          <cell r="F1547">
            <v>122150</v>
          </cell>
        </row>
        <row r="1548">
          <cell r="A1548" t="str">
            <v>HSG/01011.92.01</v>
          </cell>
          <cell r="E1548">
            <v>122150</v>
          </cell>
          <cell r="F1548">
            <v>122150</v>
          </cell>
        </row>
        <row r="1549">
          <cell r="A1549" t="str">
            <v>HSG/01011.93.01</v>
          </cell>
          <cell r="E1549">
            <v>4900</v>
          </cell>
          <cell r="F1549">
            <v>4900</v>
          </cell>
        </row>
        <row r="1550">
          <cell r="A1550" t="str">
            <v>HSG/01014.02.01</v>
          </cell>
          <cell r="E1550">
            <v>33878</v>
          </cell>
          <cell r="F1550">
            <v>33878</v>
          </cell>
        </row>
        <row r="1551">
          <cell r="A1551" t="str">
            <v>HSG/01015.01.01</v>
          </cell>
          <cell r="B1551">
            <v>274332</v>
          </cell>
          <cell r="F1551">
            <v>274332</v>
          </cell>
        </row>
        <row r="1552">
          <cell r="A1552" t="str">
            <v>HSG/01015.02.01</v>
          </cell>
          <cell r="C1552">
            <v>274332</v>
          </cell>
          <cell r="F1552">
            <v>274332</v>
          </cell>
        </row>
        <row r="1553">
          <cell r="A1553" t="str">
            <v>HSG/01015.03.01</v>
          </cell>
          <cell r="D1553">
            <v>137166</v>
          </cell>
          <cell r="F1553">
            <v>137166</v>
          </cell>
        </row>
        <row r="1554">
          <cell r="A1554" t="str">
            <v>HSG/01018.01.01</v>
          </cell>
          <cell r="D1554">
            <v>272000</v>
          </cell>
          <cell r="F1554">
            <v>272000</v>
          </cell>
        </row>
        <row r="1555">
          <cell r="A1555" t="str">
            <v>HSG/01018.02.01</v>
          </cell>
          <cell r="D1555">
            <v>272000</v>
          </cell>
          <cell r="F1555">
            <v>272000</v>
          </cell>
        </row>
        <row r="1556">
          <cell r="A1556" t="str">
            <v>HSG/01018.03.01</v>
          </cell>
          <cell r="E1556">
            <v>136000</v>
          </cell>
          <cell r="F1556">
            <v>136000</v>
          </cell>
        </row>
        <row r="1557">
          <cell r="A1557" t="str">
            <v>HSG/01019.01.01</v>
          </cell>
          <cell r="B1557">
            <v>187200</v>
          </cell>
          <cell r="F1557">
            <v>187200</v>
          </cell>
        </row>
        <row r="1558">
          <cell r="A1558" t="str">
            <v>HSG/01019.02.01</v>
          </cell>
          <cell r="C1558">
            <v>187200</v>
          </cell>
          <cell r="F1558">
            <v>187200</v>
          </cell>
        </row>
        <row r="1559">
          <cell r="A1559" t="str">
            <v>HSG/01019.03.01</v>
          </cell>
          <cell r="D1559">
            <v>93600</v>
          </cell>
          <cell r="F1559">
            <v>93600</v>
          </cell>
        </row>
        <row r="1560">
          <cell r="A1560" t="str">
            <v>HSG/01021.02.01</v>
          </cell>
          <cell r="D1560">
            <v>131450</v>
          </cell>
          <cell r="F1560">
            <v>131450</v>
          </cell>
        </row>
        <row r="1561">
          <cell r="A1561" t="str">
            <v>HSG/02001.01.01</v>
          </cell>
          <cell r="B1561">
            <v>715000</v>
          </cell>
          <cell r="C1561">
            <v>536000</v>
          </cell>
          <cell r="D1561">
            <v>560000</v>
          </cell>
          <cell r="E1561">
            <v>298000</v>
          </cell>
          <cell r="F1561">
            <v>2109000</v>
          </cell>
        </row>
        <row r="1562">
          <cell r="A1562" t="str">
            <v>HSG/02002.01.01</v>
          </cell>
          <cell r="B1562">
            <v>0</v>
          </cell>
          <cell r="F1562">
            <v>0</v>
          </cell>
        </row>
        <row r="1563">
          <cell r="A1563" t="str">
            <v>HSG/02002.02.01</v>
          </cell>
          <cell r="B1563">
            <v>0</v>
          </cell>
          <cell r="F1563">
            <v>0</v>
          </cell>
        </row>
        <row r="1564">
          <cell r="A1564" t="str">
            <v>HSG/02002.03.01</v>
          </cell>
          <cell r="B1564">
            <v>112580.17</v>
          </cell>
          <cell r="C1564">
            <v>-9340.17</v>
          </cell>
          <cell r="F1564">
            <v>103240</v>
          </cell>
        </row>
        <row r="1565">
          <cell r="A1565" t="str">
            <v>HSG/02002.04.01</v>
          </cell>
          <cell r="B1565">
            <v>187004</v>
          </cell>
          <cell r="F1565">
            <v>187004</v>
          </cell>
        </row>
        <row r="1566">
          <cell r="A1566" t="str">
            <v>HSG/02002.05.01</v>
          </cell>
          <cell r="B1566">
            <v>190034</v>
          </cell>
          <cell r="F1566">
            <v>190034</v>
          </cell>
        </row>
        <row r="1567">
          <cell r="A1567" t="str">
            <v>HSG/02002.06.01</v>
          </cell>
          <cell r="B1567">
            <v>109959.36</v>
          </cell>
          <cell r="C1567">
            <v>-3806.16</v>
          </cell>
          <cell r="F1567">
            <v>106153.2</v>
          </cell>
        </row>
        <row r="1568">
          <cell r="A1568" t="str">
            <v>HSG/02002.07.01</v>
          </cell>
          <cell r="B1568">
            <v>124272.4</v>
          </cell>
          <cell r="C1568">
            <v>-6728.4</v>
          </cell>
          <cell r="F1568">
            <v>117544</v>
          </cell>
        </row>
        <row r="1569">
          <cell r="A1569" t="str">
            <v>HSG/02002.08.01</v>
          </cell>
          <cell r="B1569">
            <v>193064</v>
          </cell>
          <cell r="C1569">
            <v>96410</v>
          </cell>
          <cell r="F1569">
            <v>289474</v>
          </cell>
        </row>
        <row r="1570">
          <cell r="A1570" t="str">
            <v>HSG/02002.09.01</v>
          </cell>
          <cell r="B1570">
            <v>82604</v>
          </cell>
          <cell r="F1570">
            <v>82604</v>
          </cell>
        </row>
        <row r="1571">
          <cell r="A1571" t="str">
            <v>HSG/02002.10.01</v>
          </cell>
          <cell r="B1571">
            <v>10288.99</v>
          </cell>
          <cell r="C1571">
            <v>92050.36</v>
          </cell>
          <cell r="F1571">
            <v>102339.35</v>
          </cell>
        </row>
        <row r="1572">
          <cell r="A1572" t="str">
            <v>HSG/02002.12.01</v>
          </cell>
          <cell r="B1572">
            <v>73437.33</v>
          </cell>
          <cell r="F1572">
            <v>73437.33</v>
          </cell>
        </row>
        <row r="1573">
          <cell r="A1573" t="str">
            <v>HSG/02002.13.01</v>
          </cell>
          <cell r="B1573">
            <v>11600</v>
          </cell>
          <cell r="C1573">
            <v>104400</v>
          </cell>
          <cell r="F1573">
            <v>116000</v>
          </cell>
        </row>
        <row r="1574">
          <cell r="A1574" t="str">
            <v>HSG/02002.14.01</v>
          </cell>
          <cell r="B1574">
            <v>189024</v>
          </cell>
          <cell r="C1574">
            <v>1870</v>
          </cell>
          <cell r="F1574">
            <v>190894</v>
          </cell>
        </row>
        <row r="1575">
          <cell r="A1575" t="str">
            <v>HSG/02002.15.01</v>
          </cell>
          <cell r="B1575">
            <v>17200</v>
          </cell>
          <cell r="C1575">
            <v>154800</v>
          </cell>
          <cell r="F1575">
            <v>172000</v>
          </cell>
        </row>
        <row r="1576">
          <cell r="A1576" t="str">
            <v>HSG/02002.16.01</v>
          </cell>
          <cell r="B1576">
            <v>184984</v>
          </cell>
          <cell r="C1576">
            <v>1830</v>
          </cell>
          <cell r="F1576">
            <v>186814</v>
          </cell>
        </row>
        <row r="1577">
          <cell r="A1577" t="str">
            <v>HSG/02002.18.01</v>
          </cell>
          <cell r="C1577">
            <v>10500</v>
          </cell>
          <cell r="F1577">
            <v>10500</v>
          </cell>
        </row>
        <row r="1578">
          <cell r="A1578" t="str">
            <v>HSG/02002.19.01</v>
          </cell>
          <cell r="C1578">
            <v>96000</v>
          </cell>
          <cell r="F1578">
            <v>96000</v>
          </cell>
        </row>
        <row r="1579">
          <cell r="A1579" t="str">
            <v>HSG/02002.21.01</v>
          </cell>
          <cell r="C1579">
            <v>132095.06</v>
          </cell>
          <cell r="F1579">
            <v>132095.06</v>
          </cell>
        </row>
        <row r="1580">
          <cell r="A1580" t="str">
            <v>HSG/02002.22.01</v>
          </cell>
          <cell r="C1580">
            <v>83267.09</v>
          </cell>
          <cell r="F1580">
            <v>83267.09</v>
          </cell>
        </row>
        <row r="1581">
          <cell r="A1581" t="str">
            <v>HSG/02002.23.01</v>
          </cell>
          <cell r="C1581">
            <v>106000</v>
          </cell>
          <cell r="D1581">
            <v>200</v>
          </cell>
          <cell r="F1581">
            <v>106200</v>
          </cell>
        </row>
        <row r="1582">
          <cell r="A1582" t="str">
            <v>HSG/02002.24.01</v>
          </cell>
          <cell r="C1582">
            <v>103291.22</v>
          </cell>
          <cell r="F1582">
            <v>103291.22</v>
          </cell>
        </row>
        <row r="1583">
          <cell r="A1583" t="str">
            <v>HSG/02002.25.01</v>
          </cell>
          <cell r="C1583">
            <v>96029.19</v>
          </cell>
          <cell r="D1583">
            <v>200</v>
          </cell>
          <cell r="F1583">
            <v>96229.19</v>
          </cell>
        </row>
        <row r="1584">
          <cell r="A1584" t="str">
            <v>HSG/02002.26.01</v>
          </cell>
          <cell r="D1584">
            <v>96920</v>
          </cell>
          <cell r="F1584">
            <v>96920</v>
          </cell>
        </row>
        <row r="1585">
          <cell r="A1585" t="str">
            <v>HSG/02002.27.01</v>
          </cell>
          <cell r="D1585">
            <v>190990</v>
          </cell>
          <cell r="E1585">
            <v>-1870</v>
          </cell>
          <cell r="F1585">
            <v>189120</v>
          </cell>
        </row>
        <row r="1586">
          <cell r="A1586" t="str">
            <v>HSG/02002.28.01</v>
          </cell>
          <cell r="D1586">
            <v>192000</v>
          </cell>
          <cell r="F1586">
            <v>192000</v>
          </cell>
        </row>
        <row r="1587">
          <cell r="A1587" t="str">
            <v>HSG/02002.30.01</v>
          </cell>
          <cell r="D1587">
            <v>0</v>
          </cell>
          <cell r="F1587">
            <v>0</v>
          </cell>
        </row>
        <row r="1588">
          <cell r="A1588" t="str">
            <v>HSG/02002.31.01</v>
          </cell>
          <cell r="E1588">
            <v>158800</v>
          </cell>
          <cell r="F1588">
            <v>158800</v>
          </cell>
        </row>
        <row r="1589">
          <cell r="A1589" t="str">
            <v>HSG/02002.32.01</v>
          </cell>
          <cell r="E1589">
            <v>115150</v>
          </cell>
          <cell r="F1589">
            <v>115150</v>
          </cell>
        </row>
        <row r="1590">
          <cell r="A1590" t="str">
            <v>HSG/02003.01.02</v>
          </cell>
          <cell r="B1590">
            <v>3766.31</v>
          </cell>
          <cell r="F1590">
            <v>3766.31</v>
          </cell>
        </row>
        <row r="1591">
          <cell r="A1591" t="str">
            <v>HSG/02003.01.03</v>
          </cell>
          <cell r="B1591">
            <v>3500</v>
          </cell>
          <cell r="F1591">
            <v>3500</v>
          </cell>
        </row>
        <row r="1592">
          <cell r="A1592" t="str">
            <v>HSG/02003.01.04</v>
          </cell>
          <cell r="B1592">
            <v>4966.12</v>
          </cell>
          <cell r="F1592">
            <v>4966.12</v>
          </cell>
        </row>
        <row r="1593">
          <cell r="A1593" t="str">
            <v>HSG/02003.01.05</v>
          </cell>
          <cell r="B1593">
            <v>4867.5</v>
          </cell>
          <cell r="F1593">
            <v>4867.5</v>
          </cell>
        </row>
        <row r="1594">
          <cell r="A1594" t="str">
            <v>HSG/02003.01.06</v>
          </cell>
          <cell r="B1594">
            <v>13598.3</v>
          </cell>
          <cell r="F1594">
            <v>13598.3</v>
          </cell>
        </row>
        <row r="1595">
          <cell r="A1595" t="str">
            <v>HSG/02003.01.07</v>
          </cell>
          <cell r="B1595">
            <v>4100.95</v>
          </cell>
          <cell r="F1595">
            <v>4100.95</v>
          </cell>
        </row>
        <row r="1596">
          <cell r="A1596" t="str">
            <v>HSG/02003.01.08</v>
          </cell>
          <cell r="B1596">
            <v>5378.55</v>
          </cell>
          <cell r="F1596">
            <v>5378.55</v>
          </cell>
        </row>
        <row r="1597">
          <cell r="A1597" t="str">
            <v>HSG/02003.01.09</v>
          </cell>
          <cell r="B1597">
            <v>8384.56</v>
          </cell>
          <cell r="F1597">
            <v>8384.56</v>
          </cell>
        </row>
        <row r="1598">
          <cell r="A1598" t="str">
            <v>HSG/02003.01.10</v>
          </cell>
          <cell r="B1598">
            <v>2441.3000000000002</v>
          </cell>
          <cell r="F1598">
            <v>2441.3000000000002</v>
          </cell>
        </row>
        <row r="1599">
          <cell r="A1599" t="str">
            <v>HSG/02003.01.11</v>
          </cell>
          <cell r="B1599">
            <v>5401.59</v>
          </cell>
          <cell r="F1599">
            <v>5401.59</v>
          </cell>
        </row>
        <row r="1600">
          <cell r="A1600" t="str">
            <v>HSG/02003.01.12</v>
          </cell>
          <cell r="B1600">
            <v>2451.7600000000002</v>
          </cell>
          <cell r="F1600">
            <v>2451.7600000000002</v>
          </cell>
        </row>
        <row r="1601">
          <cell r="A1601" t="str">
            <v>HSG/02003.01.13</v>
          </cell>
          <cell r="B1601">
            <v>291.83999999999997</v>
          </cell>
          <cell r="F1601">
            <v>291.83999999999997</v>
          </cell>
        </row>
        <row r="1602">
          <cell r="A1602" t="str">
            <v>HSG/02003.01.14</v>
          </cell>
          <cell r="B1602">
            <v>2947.05</v>
          </cell>
          <cell r="F1602">
            <v>2947.05</v>
          </cell>
        </row>
        <row r="1603">
          <cell r="A1603" t="str">
            <v>HSG/02003.01.15</v>
          </cell>
          <cell r="B1603">
            <v>2816.65</v>
          </cell>
          <cell r="F1603">
            <v>2816.65</v>
          </cell>
        </row>
        <row r="1604">
          <cell r="A1604" t="str">
            <v>HSG/02003.01.16</v>
          </cell>
          <cell r="B1604">
            <v>31544</v>
          </cell>
          <cell r="C1604">
            <v>3227.27</v>
          </cell>
          <cell r="F1604">
            <v>34771.269999999997</v>
          </cell>
        </row>
        <row r="1605">
          <cell r="A1605" t="str">
            <v>HSG/02003.01.17</v>
          </cell>
          <cell r="B1605">
            <v>13710.15</v>
          </cell>
          <cell r="F1605">
            <v>13710.15</v>
          </cell>
        </row>
        <row r="1606">
          <cell r="A1606" t="str">
            <v>HSG/02003.01.18</v>
          </cell>
          <cell r="B1606">
            <v>4748.3</v>
          </cell>
          <cell r="F1606">
            <v>4748.3</v>
          </cell>
        </row>
        <row r="1607">
          <cell r="A1607" t="str">
            <v>HSG/02003.01.19</v>
          </cell>
          <cell r="B1607">
            <v>8506</v>
          </cell>
          <cell r="E1607">
            <v>-4253</v>
          </cell>
          <cell r="F1607">
            <v>4253</v>
          </cell>
        </row>
        <row r="1608">
          <cell r="A1608" t="str">
            <v>HSG/02003.01.20</v>
          </cell>
          <cell r="B1608">
            <v>0</v>
          </cell>
          <cell r="F1608">
            <v>0</v>
          </cell>
        </row>
        <row r="1609">
          <cell r="A1609" t="str">
            <v>HSG/02003.01.22</v>
          </cell>
          <cell r="B1609">
            <v>5693</v>
          </cell>
          <cell r="F1609">
            <v>5693</v>
          </cell>
        </row>
        <row r="1610">
          <cell r="A1610" t="str">
            <v>HSG/02003.01.23</v>
          </cell>
          <cell r="B1610">
            <v>4299.8500000000004</v>
          </cell>
          <cell r="F1610">
            <v>4299.8500000000004</v>
          </cell>
        </row>
        <row r="1611">
          <cell r="A1611" t="str">
            <v>HSG/02003.01.24</v>
          </cell>
          <cell r="B1611">
            <v>4013.18</v>
          </cell>
          <cell r="F1611">
            <v>4013.18</v>
          </cell>
        </row>
        <row r="1612">
          <cell r="A1612" t="str">
            <v>HSG/02003.01.25</v>
          </cell>
          <cell r="B1612">
            <v>4971</v>
          </cell>
          <cell r="F1612">
            <v>4971</v>
          </cell>
        </row>
        <row r="1613">
          <cell r="A1613" t="str">
            <v>HSG/02003.01.26</v>
          </cell>
          <cell r="B1613">
            <v>10141.799999999999</v>
          </cell>
          <cell r="F1613">
            <v>10141.799999999999</v>
          </cell>
        </row>
        <row r="1614">
          <cell r="A1614" t="str">
            <v>HSG/02003.01.30</v>
          </cell>
          <cell r="B1614">
            <v>4708</v>
          </cell>
          <cell r="F1614">
            <v>4708</v>
          </cell>
        </row>
        <row r="1615">
          <cell r="A1615" t="str">
            <v>HSG/02003.01.31</v>
          </cell>
          <cell r="B1615">
            <v>1516</v>
          </cell>
          <cell r="F1615">
            <v>1516</v>
          </cell>
        </row>
        <row r="1616">
          <cell r="A1616" t="str">
            <v>HSG/02003.01.32</v>
          </cell>
          <cell r="B1616">
            <v>1612.5</v>
          </cell>
          <cell r="D1616">
            <v>6142</v>
          </cell>
          <cell r="F1616">
            <v>7754.5</v>
          </cell>
        </row>
        <row r="1617">
          <cell r="A1617" t="str">
            <v>HSG/02003.01.33</v>
          </cell>
          <cell r="B1617">
            <v>5955</v>
          </cell>
          <cell r="F1617">
            <v>5955</v>
          </cell>
        </row>
        <row r="1618">
          <cell r="A1618" t="str">
            <v>HSG/02003.01.34</v>
          </cell>
          <cell r="B1618">
            <v>5166</v>
          </cell>
          <cell r="F1618">
            <v>5166</v>
          </cell>
        </row>
        <row r="1619">
          <cell r="A1619" t="str">
            <v>HSG/02003.01.35</v>
          </cell>
          <cell r="C1619">
            <v>4800</v>
          </cell>
          <cell r="F1619">
            <v>4800</v>
          </cell>
        </row>
        <row r="1620">
          <cell r="A1620" t="str">
            <v>HSG/02003.01.36</v>
          </cell>
          <cell r="B1620">
            <v>4000</v>
          </cell>
          <cell r="C1620">
            <v>12542.34</v>
          </cell>
          <cell r="F1620">
            <v>16542.34</v>
          </cell>
        </row>
        <row r="1621">
          <cell r="A1621" t="str">
            <v>HSG/02003.01.37</v>
          </cell>
          <cell r="B1621">
            <v>9647</v>
          </cell>
          <cell r="C1621">
            <v>12197.55</v>
          </cell>
          <cell r="F1621">
            <v>21844.55</v>
          </cell>
        </row>
        <row r="1622">
          <cell r="A1622" t="str">
            <v>HSG/02003.01.38</v>
          </cell>
          <cell r="B1622">
            <v>18520.060000000001</v>
          </cell>
          <cell r="F1622">
            <v>18520.060000000001</v>
          </cell>
        </row>
        <row r="1623">
          <cell r="A1623" t="str">
            <v>HSG/02003.01.39</v>
          </cell>
          <cell r="B1623">
            <v>3015.64</v>
          </cell>
          <cell r="F1623">
            <v>3015.64</v>
          </cell>
        </row>
        <row r="1624">
          <cell r="A1624" t="str">
            <v>HSG/02003.01.40</v>
          </cell>
          <cell r="B1624">
            <v>12119.01</v>
          </cell>
          <cell r="F1624">
            <v>12119.01</v>
          </cell>
        </row>
        <row r="1625">
          <cell r="A1625" t="str">
            <v>HSG/02003.01.41</v>
          </cell>
          <cell r="B1625">
            <v>1610.4</v>
          </cell>
          <cell r="F1625">
            <v>1610.4</v>
          </cell>
        </row>
        <row r="1626">
          <cell r="A1626" t="str">
            <v>HSG/02003.01.42</v>
          </cell>
          <cell r="B1626">
            <v>17367.75</v>
          </cell>
          <cell r="F1626">
            <v>17367.75</v>
          </cell>
        </row>
        <row r="1627">
          <cell r="A1627" t="str">
            <v>HSG/02003.01.43</v>
          </cell>
          <cell r="B1627">
            <v>1207.52</v>
          </cell>
          <cell r="F1627">
            <v>1207.52</v>
          </cell>
        </row>
        <row r="1628">
          <cell r="A1628" t="str">
            <v>HSG/02003.01.44</v>
          </cell>
          <cell r="B1628">
            <v>435.21</v>
          </cell>
          <cell r="F1628">
            <v>435.21</v>
          </cell>
        </row>
        <row r="1629">
          <cell r="A1629" t="str">
            <v>HSG/02003.01.46</v>
          </cell>
          <cell r="B1629">
            <v>2183</v>
          </cell>
          <cell r="F1629">
            <v>2183</v>
          </cell>
        </row>
        <row r="1630">
          <cell r="A1630" t="str">
            <v>HSG/02003.01.47</v>
          </cell>
          <cell r="B1630">
            <v>4334.3599999999997</v>
          </cell>
          <cell r="F1630">
            <v>4334.3599999999997</v>
          </cell>
        </row>
        <row r="1631">
          <cell r="A1631" t="str">
            <v>HSG/02003.01.48</v>
          </cell>
          <cell r="B1631">
            <v>5279</v>
          </cell>
          <cell r="F1631">
            <v>5279</v>
          </cell>
        </row>
        <row r="1632">
          <cell r="A1632" t="str">
            <v>HSG/02003.01.49</v>
          </cell>
          <cell r="B1632">
            <v>6743.32</v>
          </cell>
          <cell r="F1632">
            <v>6743.32</v>
          </cell>
        </row>
        <row r="1633">
          <cell r="A1633" t="str">
            <v>HSG/02003.01.50</v>
          </cell>
          <cell r="B1633">
            <v>9875.06</v>
          </cell>
          <cell r="F1633">
            <v>9875.06</v>
          </cell>
        </row>
        <row r="1634">
          <cell r="A1634" t="str">
            <v>HSG/02003.01.51</v>
          </cell>
          <cell r="C1634">
            <v>5550</v>
          </cell>
          <cell r="F1634">
            <v>5550</v>
          </cell>
        </row>
        <row r="1635">
          <cell r="A1635" t="str">
            <v>HSG/02003.01.52</v>
          </cell>
          <cell r="C1635">
            <v>4208.6099999999997</v>
          </cell>
          <cell r="F1635">
            <v>4208.6099999999997</v>
          </cell>
        </row>
        <row r="1636">
          <cell r="A1636" t="str">
            <v>HSG/02003.01.54</v>
          </cell>
          <cell r="B1636">
            <v>4967</v>
          </cell>
          <cell r="F1636">
            <v>4967</v>
          </cell>
        </row>
        <row r="1637">
          <cell r="A1637" t="str">
            <v>HSG/02003.01.55</v>
          </cell>
          <cell r="B1637">
            <v>255</v>
          </cell>
          <cell r="F1637">
            <v>255</v>
          </cell>
        </row>
        <row r="1638">
          <cell r="A1638" t="str">
            <v>HSG/02003.01.56</v>
          </cell>
          <cell r="B1638">
            <v>2636.44</v>
          </cell>
          <cell r="F1638">
            <v>2636.44</v>
          </cell>
        </row>
        <row r="1639">
          <cell r="A1639" t="str">
            <v>HSG/02003.01.57</v>
          </cell>
          <cell r="B1639">
            <v>11565.23</v>
          </cell>
          <cell r="F1639">
            <v>11565.23</v>
          </cell>
        </row>
        <row r="1640">
          <cell r="A1640" t="str">
            <v>HSG/02003.01.58</v>
          </cell>
          <cell r="B1640">
            <v>8267.11</v>
          </cell>
          <cell r="F1640">
            <v>8267.11</v>
          </cell>
        </row>
        <row r="1641">
          <cell r="A1641" t="str">
            <v>HSG/02003.01.59</v>
          </cell>
          <cell r="B1641">
            <v>10423.42</v>
          </cell>
          <cell r="F1641">
            <v>10423.42</v>
          </cell>
        </row>
        <row r="1642">
          <cell r="A1642" t="str">
            <v>HSG/02003.01.60</v>
          </cell>
          <cell r="B1642">
            <v>4495</v>
          </cell>
          <cell r="F1642">
            <v>4495</v>
          </cell>
        </row>
        <row r="1643">
          <cell r="A1643" t="str">
            <v>HSG/02003.01.61</v>
          </cell>
          <cell r="B1643">
            <v>2574.9499999999998</v>
          </cell>
          <cell r="F1643">
            <v>2574.9499999999998</v>
          </cell>
        </row>
        <row r="1644">
          <cell r="A1644" t="str">
            <v>HSG/02003.01.62</v>
          </cell>
          <cell r="B1644">
            <v>2880</v>
          </cell>
          <cell r="E1644">
            <v>433.15</v>
          </cell>
          <cell r="F1644">
            <v>3313.15</v>
          </cell>
        </row>
        <row r="1645">
          <cell r="A1645" t="str">
            <v>HSG/02003.01.63</v>
          </cell>
          <cell r="C1645">
            <v>2592.5</v>
          </cell>
          <cell r="F1645">
            <v>2592.5</v>
          </cell>
        </row>
        <row r="1646">
          <cell r="A1646" t="str">
            <v>HSG/02003.01.64</v>
          </cell>
          <cell r="B1646">
            <v>4562.3500000000004</v>
          </cell>
          <cell r="F1646">
            <v>4562.3500000000004</v>
          </cell>
        </row>
        <row r="1647">
          <cell r="A1647" t="str">
            <v>HSG/02003.01.65</v>
          </cell>
          <cell r="B1647">
            <v>4931</v>
          </cell>
          <cell r="F1647">
            <v>4931</v>
          </cell>
        </row>
        <row r="1648">
          <cell r="A1648" t="str">
            <v>HSG/02003.01.66</v>
          </cell>
          <cell r="B1648">
            <v>9468.6299999999992</v>
          </cell>
          <cell r="F1648">
            <v>9468.6299999999992</v>
          </cell>
        </row>
        <row r="1649">
          <cell r="A1649" t="str">
            <v>HSG/02003.01.67</v>
          </cell>
          <cell r="B1649">
            <v>6000</v>
          </cell>
          <cell r="C1649">
            <v>16970</v>
          </cell>
          <cell r="F1649">
            <v>22970</v>
          </cell>
        </row>
        <row r="1650">
          <cell r="A1650" t="str">
            <v>HSG/02003.01.68</v>
          </cell>
          <cell r="C1650">
            <v>7144</v>
          </cell>
          <cell r="F1650">
            <v>7144</v>
          </cell>
        </row>
        <row r="1651">
          <cell r="A1651" t="str">
            <v>HSG/02003.01.69</v>
          </cell>
          <cell r="C1651">
            <v>2540</v>
          </cell>
          <cell r="F1651">
            <v>2540</v>
          </cell>
        </row>
        <row r="1652">
          <cell r="A1652" t="str">
            <v>HSG/02003.01.70</v>
          </cell>
          <cell r="C1652">
            <v>5088</v>
          </cell>
          <cell r="F1652">
            <v>5088</v>
          </cell>
        </row>
        <row r="1653">
          <cell r="A1653" t="str">
            <v>HSG/02003.01.71</v>
          </cell>
          <cell r="C1653">
            <v>8783.07</v>
          </cell>
          <cell r="F1653">
            <v>8783.07</v>
          </cell>
        </row>
        <row r="1654">
          <cell r="A1654" t="str">
            <v>HSG/02003.01.72</v>
          </cell>
          <cell r="C1654">
            <v>4999</v>
          </cell>
          <cell r="F1654">
            <v>4999</v>
          </cell>
        </row>
        <row r="1655">
          <cell r="A1655" t="str">
            <v>HSG/02003.01.73</v>
          </cell>
          <cell r="C1655">
            <v>2300</v>
          </cell>
          <cell r="F1655">
            <v>2300</v>
          </cell>
        </row>
        <row r="1656">
          <cell r="A1656" t="str">
            <v>HSG/02003.01.74</v>
          </cell>
          <cell r="C1656">
            <v>1928</v>
          </cell>
          <cell r="F1656">
            <v>1928</v>
          </cell>
        </row>
        <row r="1657">
          <cell r="A1657" t="str">
            <v>HSG/02003.01.75</v>
          </cell>
          <cell r="B1657">
            <v>1453.29</v>
          </cell>
          <cell r="F1657">
            <v>1453.29</v>
          </cell>
        </row>
        <row r="1658">
          <cell r="A1658" t="str">
            <v>HSG/02003.01.76</v>
          </cell>
          <cell r="B1658">
            <v>3108</v>
          </cell>
          <cell r="C1658">
            <v>857.23</v>
          </cell>
          <cell r="F1658">
            <v>3965.23</v>
          </cell>
        </row>
        <row r="1659">
          <cell r="A1659" t="str">
            <v>HSG/02003.01.99</v>
          </cell>
          <cell r="B1659">
            <v>499163.65</v>
          </cell>
          <cell r="F1659">
            <v>499163.65</v>
          </cell>
        </row>
        <row r="1660">
          <cell r="A1660" t="str">
            <v>HSG/02003.02.01</v>
          </cell>
          <cell r="B1660">
            <v>12078.36</v>
          </cell>
          <cell r="C1660">
            <v>3467.5</v>
          </cell>
          <cell r="F1660">
            <v>15545.86</v>
          </cell>
        </row>
        <row r="1661">
          <cell r="A1661" t="str">
            <v>HSG/02003.02.02</v>
          </cell>
          <cell r="B1661">
            <v>6002.3</v>
          </cell>
          <cell r="F1661">
            <v>6002.3</v>
          </cell>
        </row>
        <row r="1662">
          <cell r="A1662" t="str">
            <v>HSG/02003.03.01</v>
          </cell>
          <cell r="B1662">
            <v>5123.33</v>
          </cell>
          <cell r="C1662">
            <v>13461.7</v>
          </cell>
          <cell r="F1662">
            <v>18585.03</v>
          </cell>
        </row>
        <row r="1663">
          <cell r="A1663" t="str">
            <v>HSG/02003.03.02</v>
          </cell>
          <cell r="B1663">
            <v>4610</v>
          </cell>
          <cell r="F1663">
            <v>4610</v>
          </cell>
        </row>
        <row r="1664">
          <cell r="A1664" t="str">
            <v>HSG/02004.01.03</v>
          </cell>
          <cell r="B1664">
            <v>0</v>
          </cell>
          <cell r="F1664">
            <v>0</v>
          </cell>
        </row>
        <row r="1665">
          <cell r="A1665" t="str">
            <v>HSG/02004.01.04</v>
          </cell>
          <cell r="B1665">
            <v>0</v>
          </cell>
          <cell r="F1665">
            <v>0</v>
          </cell>
        </row>
        <row r="1666">
          <cell r="A1666" t="str">
            <v>HSG/02004.01.05</v>
          </cell>
          <cell r="B1666">
            <v>270.01</v>
          </cell>
          <cell r="F1666">
            <v>270.01</v>
          </cell>
        </row>
        <row r="1667">
          <cell r="A1667" t="str">
            <v>HSG/02004.01.06</v>
          </cell>
          <cell r="B1667">
            <v>-55761.9</v>
          </cell>
          <cell r="C1667">
            <v>3.637978807091713E-12</v>
          </cell>
          <cell r="F1667">
            <v>-55761.9</v>
          </cell>
        </row>
        <row r="1668">
          <cell r="A1668" t="str">
            <v>HSG/02004.01.07</v>
          </cell>
          <cell r="B1668">
            <v>1749.9</v>
          </cell>
          <cell r="F1668">
            <v>1749.9</v>
          </cell>
        </row>
        <row r="1669">
          <cell r="A1669" t="str">
            <v>HSG/02004.02.01</v>
          </cell>
          <cell r="C1669">
            <v>7202.38</v>
          </cell>
          <cell r="F1669">
            <v>7202.38</v>
          </cell>
        </row>
        <row r="1670">
          <cell r="A1670" t="str">
            <v>HSG/02005.01.01</v>
          </cell>
          <cell r="C1670">
            <v>3876.08</v>
          </cell>
          <cell r="F1670">
            <v>3876.08</v>
          </cell>
        </row>
        <row r="1671">
          <cell r="A1671" t="str">
            <v>HSG/02005.01.02</v>
          </cell>
          <cell r="C1671">
            <v>4480</v>
          </cell>
          <cell r="F1671">
            <v>4480</v>
          </cell>
        </row>
        <row r="1672">
          <cell r="A1672" t="str">
            <v>HSG/02005.01.03</v>
          </cell>
          <cell r="C1672">
            <v>12006.13</v>
          </cell>
          <cell r="F1672">
            <v>12006.13</v>
          </cell>
        </row>
        <row r="1673">
          <cell r="A1673" t="str">
            <v>HSG/02005.01.04</v>
          </cell>
          <cell r="C1673">
            <v>2995</v>
          </cell>
          <cell r="F1673">
            <v>2995</v>
          </cell>
        </row>
        <row r="1674">
          <cell r="A1674" t="str">
            <v>HSG/02005.01.05</v>
          </cell>
          <cell r="C1674">
            <v>5740</v>
          </cell>
          <cell r="F1674">
            <v>5740</v>
          </cell>
        </row>
        <row r="1675">
          <cell r="A1675" t="str">
            <v>HSG/02005.01.06</v>
          </cell>
          <cell r="C1675">
            <v>2313</v>
          </cell>
          <cell r="F1675">
            <v>2313</v>
          </cell>
        </row>
        <row r="1676">
          <cell r="A1676" t="str">
            <v>HSG/02005.01.07</v>
          </cell>
          <cell r="C1676">
            <v>15012.85</v>
          </cell>
          <cell r="F1676">
            <v>15012.85</v>
          </cell>
        </row>
        <row r="1677">
          <cell r="A1677" t="str">
            <v>HSG/02005.01.08</v>
          </cell>
          <cell r="C1677">
            <v>6457.25</v>
          </cell>
          <cell r="F1677">
            <v>6457.25</v>
          </cell>
        </row>
        <row r="1678">
          <cell r="A1678" t="str">
            <v>HSG/02005.01.09</v>
          </cell>
          <cell r="C1678">
            <v>12975.75</v>
          </cell>
          <cell r="F1678">
            <v>12975.75</v>
          </cell>
        </row>
        <row r="1679">
          <cell r="A1679" t="str">
            <v>HSG/02005.01.10</v>
          </cell>
          <cell r="C1679">
            <v>8892</v>
          </cell>
          <cell r="D1679">
            <v>858</v>
          </cell>
          <cell r="F1679">
            <v>9750</v>
          </cell>
        </row>
        <row r="1680">
          <cell r="A1680" t="str">
            <v>HSG/02005.01.12</v>
          </cell>
          <cell r="C1680">
            <v>4568</v>
          </cell>
          <cell r="F1680">
            <v>4568</v>
          </cell>
        </row>
        <row r="1681">
          <cell r="A1681" t="str">
            <v>HSG/02005.01.13</v>
          </cell>
          <cell r="C1681">
            <v>4915</v>
          </cell>
          <cell r="F1681">
            <v>4915</v>
          </cell>
        </row>
        <row r="1682">
          <cell r="A1682" t="str">
            <v>HSG/02005.01.14</v>
          </cell>
          <cell r="C1682">
            <v>5047</v>
          </cell>
          <cell r="F1682">
            <v>5047</v>
          </cell>
        </row>
        <row r="1683">
          <cell r="A1683" t="str">
            <v>HSG/02005.01.15</v>
          </cell>
          <cell r="C1683">
            <v>5231</v>
          </cell>
          <cell r="F1683">
            <v>5231</v>
          </cell>
        </row>
        <row r="1684">
          <cell r="A1684" t="str">
            <v>HSG/02005.01.16</v>
          </cell>
          <cell r="C1684">
            <v>18930.599999999999</v>
          </cell>
          <cell r="F1684">
            <v>18930.599999999999</v>
          </cell>
        </row>
        <row r="1685">
          <cell r="A1685" t="str">
            <v>HSG/02005.01.17</v>
          </cell>
          <cell r="C1685">
            <v>6975</v>
          </cell>
          <cell r="F1685">
            <v>6975</v>
          </cell>
        </row>
        <row r="1686">
          <cell r="A1686" t="str">
            <v>HSG/02005.01.18</v>
          </cell>
          <cell r="C1686">
            <v>7886</v>
          </cell>
          <cell r="F1686">
            <v>7886</v>
          </cell>
        </row>
        <row r="1687">
          <cell r="A1687" t="str">
            <v>HSG/02005.01.19</v>
          </cell>
          <cell r="C1687">
            <v>6271</v>
          </cell>
          <cell r="F1687">
            <v>6271</v>
          </cell>
        </row>
        <row r="1688">
          <cell r="A1688" t="str">
            <v>HSG/02005.01.20</v>
          </cell>
          <cell r="C1688">
            <v>6104</v>
          </cell>
          <cell r="F1688">
            <v>6104</v>
          </cell>
        </row>
        <row r="1689">
          <cell r="A1689" t="str">
            <v>HSG/02005.01.21</v>
          </cell>
          <cell r="C1689">
            <v>12099.79</v>
          </cell>
          <cell r="F1689">
            <v>12099.79</v>
          </cell>
        </row>
        <row r="1690">
          <cell r="A1690" t="str">
            <v>HSG/02005.01.22</v>
          </cell>
          <cell r="C1690">
            <v>7295.6</v>
          </cell>
          <cell r="F1690">
            <v>7295.6</v>
          </cell>
        </row>
        <row r="1691">
          <cell r="A1691" t="str">
            <v>HSG/02005.01.23</v>
          </cell>
          <cell r="C1691">
            <v>5074</v>
          </cell>
          <cell r="F1691">
            <v>5074</v>
          </cell>
        </row>
        <row r="1692">
          <cell r="A1692" t="str">
            <v>HSG/02005.01.24</v>
          </cell>
          <cell r="C1692">
            <v>10322</v>
          </cell>
          <cell r="F1692">
            <v>10322</v>
          </cell>
        </row>
        <row r="1693">
          <cell r="A1693" t="str">
            <v>HSG/02005.01.25</v>
          </cell>
          <cell r="C1693">
            <v>5414</v>
          </cell>
          <cell r="F1693">
            <v>5414</v>
          </cell>
        </row>
        <row r="1694">
          <cell r="A1694" t="str">
            <v>HSG/02005.01.26</v>
          </cell>
          <cell r="C1694">
            <v>7155.47</v>
          </cell>
          <cell r="F1694">
            <v>7155.47</v>
          </cell>
        </row>
        <row r="1695">
          <cell r="A1695" t="str">
            <v>HSG/02005.01.27</v>
          </cell>
          <cell r="C1695">
            <v>2632.3</v>
          </cell>
          <cell r="F1695">
            <v>2632.3</v>
          </cell>
        </row>
        <row r="1696">
          <cell r="A1696" t="str">
            <v>HSG/02005.01.28</v>
          </cell>
          <cell r="C1696">
            <v>8715.0499999999993</v>
          </cell>
          <cell r="F1696">
            <v>8715.0499999999993</v>
          </cell>
        </row>
        <row r="1697">
          <cell r="A1697" t="str">
            <v>HSG/02005.01.29</v>
          </cell>
          <cell r="C1697">
            <v>22653.599999999999</v>
          </cell>
          <cell r="F1697">
            <v>22653.599999999999</v>
          </cell>
        </row>
        <row r="1698">
          <cell r="A1698" t="str">
            <v>HSG/02005.01.30</v>
          </cell>
          <cell r="C1698">
            <v>3549.16</v>
          </cell>
          <cell r="F1698">
            <v>3549.16</v>
          </cell>
        </row>
        <row r="1699">
          <cell r="A1699" t="str">
            <v>HSG/02005.01.31</v>
          </cell>
          <cell r="C1699">
            <v>13013.14</v>
          </cell>
          <cell r="F1699">
            <v>13013.14</v>
          </cell>
        </row>
        <row r="1700">
          <cell r="A1700" t="str">
            <v>HSG/02005.01.32</v>
          </cell>
          <cell r="C1700">
            <v>5316</v>
          </cell>
          <cell r="F1700">
            <v>5316</v>
          </cell>
        </row>
        <row r="1701">
          <cell r="A1701" t="str">
            <v>HSG/02005.01.33</v>
          </cell>
          <cell r="C1701">
            <v>4809</v>
          </cell>
          <cell r="F1701">
            <v>4809</v>
          </cell>
        </row>
        <row r="1702">
          <cell r="A1702" t="str">
            <v>HSG/02005.01.34</v>
          </cell>
          <cell r="C1702">
            <v>2010</v>
          </cell>
          <cell r="F1702">
            <v>2010</v>
          </cell>
        </row>
        <row r="1703">
          <cell r="A1703" t="str">
            <v>HSG/02005.01.35</v>
          </cell>
          <cell r="C1703">
            <v>1756.63</v>
          </cell>
          <cell r="F1703">
            <v>1756.63</v>
          </cell>
        </row>
        <row r="1704">
          <cell r="A1704" t="str">
            <v>HSG/02005.01.36</v>
          </cell>
          <cell r="C1704">
            <v>5604</v>
          </cell>
          <cell r="D1704">
            <v>1950</v>
          </cell>
          <cell r="F1704">
            <v>7554</v>
          </cell>
        </row>
        <row r="1705">
          <cell r="A1705" t="str">
            <v>HSG/02005.01.37</v>
          </cell>
          <cell r="C1705">
            <v>30000</v>
          </cell>
          <cell r="E1705">
            <v>-5000</v>
          </cell>
          <cell r="F1705">
            <v>25000</v>
          </cell>
        </row>
        <row r="1706">
          <cell r="A1706" t="str">
            <v>HSG/02005.01.38</v>
          </cell>
          <cell r="C1706">
            <v>4695</v>
          </cell>
          <cell r="D1706">
            <v>15458</v>
          </cell>
          <cell r="F1706">
            <v>20153</v>
          </cell>
        </row>
        <row r="1707">
          <cell r="A1707" t="str">
            <v>HSG/02005.01.39</v>
          </cell>
          <cell r="C1707">
            <v>5613</v>
          </cell>
          <cell r="F1707">
            <v>5613</v>
          </cell>
        </row>
        <row r="1708">
          <cell r="A1708" t="str">
            <v>HSG/02005.01.40</v>
          </cell>
          <cell r="C1708">
            <v>8677.9</v>
          </cell>
          <cell r="F1708">
            <v>8677.9</v>
          </cell>
        </row>
        <row r="1709">
          <cell r="A1709" t="str">
            <v>HSG/02005.01.41</v>
          </cell>
          <cell r="C1709">
            <v>5297</v>
          </cell>
          <cell r="F1709">
            <v>5297</v>
          </cell>
        </row>
        <row r="1710">
          <cell r="A1710" t="str">
            <v>HSG/02005.01.42</v>
          </cell>
          <cell r="C1710">
            <v>18949.7</v>
          </cell>
          <cell r="F1710">
            <v>18949.7</v>
          </cell>
        </row>
        <row r="1711">
          <cell r="A1711" t="str">
            <v>HSG/02005.01.43</v>
          </cell>
          <cell r="C1711">
            <v>11152.69</v>
          </cell>
          <cell r="F1711">
            <v>11152.69</v>
          </cell>
        </row>
        <row r="1712">
          <cell r="A1712" t="str">
            <v>HSG/02005.01.44</v>
          </cell>
          <cell r="C1712">
            <v>2805</v>
          </cell>
          <cell r="F1712">
            <v>2805</v>
          </cell>
        </row>
        <row r="1713">
          <cell r="A1713" t="str">
            <v>HSG/02005.01.45</v>
          </cell>
          <cell r="C1713">
            <v>2545</v>
          </cell>
          <cell r="F1713">
            <v>2545</v>
          </cell>
        </row>
        <row r="1714">
          <cell r="A1714" t="str">
            <v>HSG/02005.01.46</v>
          </cell>
          <cell r="C1714">
            <v>3347.7</v>
          </cell>
          <cell r="F1714">
            <v>3347.7</v>
          </cell>
        </row>
        <row r="1715">
          <cell r="A1715" t="str">
            <v>HSG/02005.01.47</v>
          </cell>
          <cell r="C1715">
            <v>5179</v>
          </cell>
          <cell r="F1715">
            <v>5179</v>
          </cell>
        </row>
        <row r="1716">
          <cell r="A1716" t="str">
            <v>HSG/02005.01.48</v>
          </cell>
          <cell r="C1716">
            <v>3494.4</v>
          </cell>
          <cell r="F1716">
            <v>3494.4</v>
          </cell>
        </row>
        <row r="1717">
          <cell r="A1717" t="str">
            <v>HSG/02005.01.49</v>
          </cell>
          <cell r="C1717">
            <v>4980</v>
          </cell>
          <cell r="F1717">
            <v>4980</v>
          </cell>
        </row>
        <row r="1718">
          <cell r="A1718" t="str">
            <v>HSG/02005.01.50</v>
          </cell>
          <cell r="C1718">
            <v>1142.8499999999999</v>
          </cell>
          <cell r="F1718">
            <v>1142.8499999999999</v>
          </cell>
        </row>
        <row r="1719">
          <cell r="A1719" t="str">
            <v>HSG/02005.01.52</v>
          </cell>
          <cell r="C1719">
            <v>10429.709999999999</v>
          </cell>
          <cell r="F1719">
            <v>10429.709999999999</v>
          </cell>
        </row>
        <row r="1720">
          <cell r="A1720" t="str">
            <v>HSG/02005.01.53</v>
          </cell>
          <cell r="D1720">
            <v>4376.68</v>
          </cell>
          <cell r="F1720">
            <v>4376.68</v>
          </cell>
        </row>
        <row r="1721">
          <cell r="A1721" t="str">
            <v>HSG/02005.01.54</v>
          </cell>
          <cell r="C1721">
            <v>5500</v>
          </cell>
          <cell r="D1721">
            <v>11206.57</v>
          </cell>
          <cell r="F1721">
            <v>16706.57</v>
          </cell>
        </row>
        <row r="1722">
          <cell r="A1722" t="str">
            <v>HSG/02005.01.55</v>
          </cell>
          <cell r="C1722">
            <v>5297</v>
          </cell>
          <cell r="F1722">
            <v>5297</v>
          </cell>
        </row>
        <row r="1723">
          <cell r="A1723" t="str">
            <v>HSG/02005.01.56</v>
          </cell>
          <cell r="C1723">
            <v>3234.89</v>
          </cell>
          <cell r="F1723">
            <v>3234.89</v>
          </cell>
        </row>
        <row r="1724">
          <cell r="A1724" t="str">
            <v>HSG/02005.01.57</v>
          </cell>
          <cell r="D1724">
            <v>1415.12</v>
          </cell>
          <cell r="F1724">
            <v>1415.12</v>
          </cell>
        </row>
        <row r="1725">
          <cell r="A1725" t="str">
            <v>HSG/02005.01.58</v>
          </cell>
          <cell r="C1725">
            <v>4936</v>
          </cell>
          <cell r="F1725">
            <v>4936</v>
          </cell>
        </row>
        <row r="1726">
          <cell r="A1726" t="str">
            <v>HSG/02005.01.59</v>
          </cell>
          <cell r="C1726">
            <v>1930</v>
          </cell>
          <cell r="F1726">
            <v>1930</v>
          </cell>
        </row>
        <row r="1727">
          <cell r="A1727" t="str">
            <v>HSG/02005.01.60</v>
          </cell>
          <cell r="C1727">
            <v>6473</v>
          </cell>
          <cell r="F1727">
            <v>6473</v>
          </cell>
        </row>
        <row r="1728">
          <cell r="A1728" t="str">
            <v>HSG/02005.01.61</v>
          </cell>
          <cell r="C1728">
            <v>1990</v>
          </cell>
          <cell r="F1728">
            <v>1990</v>
          </cell>
        </row>
        <row r="1729">
          <cell r="A1729" t="str">
            <v>HSG/02005.01.62</v>
          </cell>
          <cell r="C1729">
            <v>1153.0899999999999</v>
          </cell>
          <cell r="F1729">
            <v>1153.0899999999999</v>
          </cell>
        </row>
        <row r="1730">
          <cell r="A1730" t="str">
            <v>HSG/02005.01.63</v>
          </cell>
          <cell r="C1730">
            <v>11031.3</v>
          </cell>
          <cell r="F1730">
            <v>11031.3</v>
          </cell>
        </row>
        <row r="1731">
          <cell r="A1731" t="str">
            <v>HSG/02005.01.64</v>
          </cell>
          <cell r="C1731">
            <v>5489</v>
          </cell>
          <cell r="F1731">
            <v>5489</v>
          </cell>
        </row>
        <row r="1732">
          <cell r="A1732" t="str">
            <v>HSG/02005.01.65</v>
          </cell>
          <cell r="C1732">
            <v>3790.4</v>
          </cell>
          <cell r="F1732">
            <v>3790.4</v>
          </cell>
        </row>
        <row r="1733">
          <cell r="A1733" t="str">
            <v>HSG/02005.01.66</v>
          </cell>
          <cell r="C1733">
            <v>18000</v>
          </cell>
          <cell r="D1733">
            <v>7000</v>
          </cell>
          <cell r="F1733">
            <v>25000</v>
          </cell>
        </row>
        <row r="1734">
          <cell r="A1734" t="str">
            <v>HSG/02005.01.67</v>
          </cell>
          <cell r="C1734">
            <v>17844.55</v>
          </cell>
          <cell r="F1734">
            <v>17844.55</v>
          </cell>
        </row>
        <row r="1735">
          <cell r="A1735" t="str">
            <v>HSG/02005.01.69</v>
          </cell>
          <cell r="C1735">
            <v>4310</v>
          </cell>
          <cell r="F1735">
            <v>4310</v>
          </cell>
        </row>
        <row r="1736">
          <cell r="A1736" t="str">
            <v>HSG/02005.01.70</v>
          </cell>
          <cell r="C1736">
            <v>9361.58</v>
          </cell>
          <cell r="F1736">
            <v>9361.58</v>
          </cell>
        </row>
        <row r="1737">
          <cell r="A1737" t="str">
            <v>HSG/02005.01.71</v>
          </cell>
          <cell r="C1737">
            <v>5365</v>
          </cell>
          <cell r="F1737">
            <v>5365</v>
          </cell>
        </row>
        <row r="1738">
          <cell r="A1738" t="str">
            <v>HSG/02005.01.72</v>
          </cell>
          <cell r="C1738">
            <v>15440.17</v>
          </cell>
          <cell r="F1738">
            <v>15440.17</v>
          </cell>
        </row>
        <row r="1739">
          <cell r="A1739" t="str">
            <v>HSG/02005.01.73</v>
          </cell>
          <cell r="C1739">
            <v>5814.51</v>
          </cell>
          <cell r="D1739">
            <v>4546.5600000000004</v>
          </cell>
          <cell r="F1739">
            <v>10361.07</v>
          </cell>
        </row>
        <row r="1740">
          <cell r="A1740" t="str">
            <v>HSG/02005.01.74</v>
          </cell>
          <cell r="C1740">
            <v>1120</v>
          </cell>
          <cell r="F1740">
            <v>1120</v>
          </cell>
        </row>
        <row r="1741">
          <cell r="A1741" t="str">
            <v>HSG/02005.01.75</v>
          </cell>
          <cell r="C1741">
            <v>5694</v>
          </cell>
          <cell r="F1741">
            <v>5694</v>
          </cell>
        </row>
        <row r="1742">
          <cell r="A1742" t="str">
            <v>HSG/02005.01.76</v>
          </cell>
          <cell r="C1742">
            <v>6418.55</v>
          </cell>
          <cell r="F1742">
            <v>6418.55</v>
          </cell>
        </row>
        <row r="1743">
          <cell r="A1743" t="str">
            <v>HSG/02005.01.77</v>
          </cell>
          <cell r="C1743">
            <v>4817</v>
          </cell>
          <cell r="F1743">
            <v>4817</v>
          </cell>
        </row>
        <row r="1744">
          <cell r="A1744" t="str">
            <v>HSG/02005.01.78</v>
          </cell>
          <cell r="C1744">
            <v>5220.7700000000004</v>
          </cell>
          <cell r="F1744">
            <v>5220.7700000000004</v>
          </cell>
        </row>
        <row r="1745">
          <cell r="A1745" t="str">
            <v>HSG/02005.01.79</v>
          </cell>
          <cell r="C1745">
            <v>19877.310000000001</v>
          </cell>
          <cell r="D1745">
            <v>2288.38</v>
          </cell>
          <cell r="F1745">
            <v>22165.69</v>
          </cell>
        </row>
        <row r="1746">
          <cell r="A1746" t="str">
            <v>HSG/02005.01.80</v>
          </cell>
          <cell r="C1746">
            <v>5897.67</v>
          </cell>
          <cell r="F1746">
            <v>5897.67</v>
          </cell>
        </row>
        <row r="1747">
          <cell r="A1747" t="str">
            <v>HSG/02005.01.84</v>
          </cell>
          <cell r="C1747">
            <v>100</v>
          </cell>
          <cell r="F1747">
            <v>100</v>
          </cell>
        </row>
        <row r="1748">
          <cell r="A1748" t="str">
            <v>HSG/02005.01.85</v>
          </cell>
          <cell r="C1748">
            <v>5288.05</v>
          </cell>
          <cell r="F1748">
            <v>5288.05</v>
          </cell>
        </row>
        <row r="1749">
          <cell r="A1749" t="str">
            <v>HSG/02005.01.87</v>
          </cell>
          <cell r="C1749">
            <v>12891.9</v>
          </cell>
          <cell r="F1749">
            <v>12891.9</v>
          </cell>
        </row>
        <row r="1750">
          <cell r="A1750" t="str">
            <v>HSG/02005.01.89</v>
          </cell>
          <cell r="C1750">
            <v>6485</v>
          </cell>
          <cell r="F1750">
            <v>6485</v>
          </cell>
        </row>
        <row r="1751">
          <cell r="A1751" t="str">
            <v>HSG/02005.01.93</v>
          </cell>
          <cell r="C1751">
            <v>3920.05</v>
          </cell>
          <cell r="F1751">
            <v>3920.05</v>
          </cell>
        </row>
        <row r="1752">
          <cell r="A1752" t="str">
            <v>HSG/02005.01.94</v>
          </cell>
          <cell r="C1752">
            <v>5944</v>
          </cell>
          <cell r="F1752">
            <v>5944</v>
          </cell>
        </row>
        <row r="1753">
          <cell r="A1753" t="str">
            <v>HSG/02005.01.95</v>
          </cell>
          <cell r="C1753">
            <v>5203.72</v>
          </cell>
          <cell r="F1753">
            <v>5203.72</v>
          </cell>
        </row>
        <row r="1754">
          <cell r="A1754" t="str">
            <v>HSG/02005.01.96</v>
          </cell>
          <cell r="C1754">
            <v>3130</v>
          </cell>
          <cell r="F1754">
            <v>3130</v>
          </cell>
        </row>
        <row r="1755">
          <cell r="A1755" t="str">
            <v>HSG/02005.01.97</v>
          </cell>
          <cell r="C1755">
            <v>2500</v>
          </cell>
          <cell r="F1755">
            <v>2500</v>
          </cell>
        </row>
        <row r="1756">
          <cell r="A1756" t="str">
            <v>HSG/02005.01.98</v>
          </cell>
          <cell r="C1756">
            <v>5993</v>
          </cell>
          <cell r="F1756">
            <v>5993</v>
          </cell>
        </row>
        <row r="1757">
          <cell r="A1757" t="str">
            <v>HSG/02005.01.99</v>
          </cell>
          <cell r="C1757">
            <v>10204</v>
          </cell>
          <cell r="F1757">
            <v>10204</v>
          </cell>
        </row>
        <row r="1758">
          <cell r="A1758" t="str">
            <v>HSG/02005.02.01</v>
          </cell>
          <cell r="C1758">
            <v>13851.83</v>
          </cell>
          <cell r="F1758">
            <v>13851.83</v>
          </cell>
        </row>
        <row r="1759">
          <cell r="A1759" t="str">
            <v>HSG/02005.02.03</v>
          </cell>
          <cell r="C1759">
            <v>4253</v>
          </cell>
          <cell r="F1759">
            <v>4253</v>
          </cell>
        </row>
        <row r="1760">
          <cell r="A1760" t="str">
            <v>HSG/02005.02.05</v>
          </cell>
          <cell r="D1760">
            <v>19917.86</v>
          </cell>
          <cell r="F1760">
            <v>19917.86</v>
          </cell>
        </row>
        <row r="1761">
          <cell r="A1761" t="str">
            <v>HSG/02005.02.06</v>
          </cell>
          <cell r="D1761">
            <v>2193.6799999999998</v>
          </cell>
          <cell r="F1761">
            <v>2193.6799999999998</v>
          </cell>
        </row>
        <row r="1762">
          <cell r="A1762" t="str">
            <v>HSG/02005.03.01</v>
          </cell>
          <cell r="C1762">
            <v>9090</v>
          </cell>
          <cell r="E1762">
            <v>7915</v>
          </cell>
          <cell r="F1762">
            <v>17005</v>
          </cell>
        </row>
        <row r="1763">
          <cell r="A1763" t="str">
            <v>HSG/02005.03.02</v>
          </cell>
          <cell r="C1763">
            <v>2363.13</v>
          </cell>
          <cell r="F1763">
            <v>2363.13</v>
          </cell>
        </row>
        <row r="1764">
          <cell r="A1764" t="str">
            <v>HSG/02005.03.03</v>
          </cell>
          <cell r="C1764">
            <v>4967</v>
          </cell>
          <cell r="F1764">
            <v>4967</v>
          </cell>
        </row>
        <row r="1765">
          <cell r="A1765" t="str">
            <v>HSG/02005.03.04</v>
          </cell>
          <cell r="C1765">
            <v>4305</v>
          </cell>
          <cell r="F1765">
            <v>4305</v>
          </cell>
        </row>
        <row r="1766">
          <cell r="A1766" t="str">
            <v>HSG/02005.03.05</v>
          </cell>
          <cell r="C1766">
            <v>16425.54</v>
          </cell>
          <cell r="F1766">
            <v>16425.54</v>
          </cell>
        </row>
        <row r="1767">
          <cell r="A1767" t="str">
            <v>HSG/02005.03.06</v>
          </cell>
          <cell r="C1767">
            <v>2251.4</v>
          </cell>
          <cell r="F1767">
            <v>2251.4</v>
          </cell>
        </row>
        <row r="1768">
          <cell r="A1768" t="str">
            <v>HSG/02005.03.07</v>
          </cell>
          <cell r="D1768">
            <v>4915</v>
          </cell>
          <cell r="F1768">
            <v>4915</v>
          </cell>
        </row>
        <row r="1769">
          <cell r="A1769" t="str">
            <v>HSG/02005.03.08</v>
          </cell>
          <cell r="C1769">
            <v>5759</v>
          </cell>
          <cell r="F1769">
            <v>5759</v>
          </cell>
        </row>
        <row r="1770">
          <cell r="A1770" t="str">
            <v>HSG/02005.03.09</v>
          </cell>
          <cell r="C1770">
            <v>3821.66</v>
          </cell>
          <cell r="F1770">
            <v>3821.66</v>
          </cell>
        </row>
        <row r="1771">
          <cell r="A1771" t="str">
            <v>HSG/02005.03.10</v>
          </cell>
          <cell r="C1771">
            <v>5173</v>
          </cell>
          <cell r="F1771">
            <v>5173</v>
          </cell>
        </row>
        <row r="1772">
          <cell r="A1772" t="str">
            <v>HSG/02005.03.11</v>
          </cell>
          <cell r="C1772">
            <v>10674.63</v>
          </cell>
          <cell r="F1772">
            <v>10674.63</v>
          </cell>
        </row>
        <row r="1773">
          <cell r="A1773" t="str">
            <v>HSG/02005.03.12</v>
          </cell>
          <cell r="C1773">
            <v>4639.92</v>
          </cell>
          <cell r="F1773">
            <v>4639.92</v>
          </cell>
        </row>
        <row r="1774">
          <cell r="A1774" t="str">
            <v>HSG/02005.03.13</v>
          </cell>
          <cell r="D1774">
            <v>9412.35</v>
          </cell>
          <cell r="F1774">
            <v>9412.35</v>
          </cell>
        </row>
        <row r="1775">
          <cell r="A1775" t="str">
            <v>HSG/02005.03.14</v>
          </cell>
          <cell r="C1775">
            <v>2121.2399999999998</v>
          </cell>
          <cell r="F1775">
            <v>2121.2399999999998</v>
          </cell>
        </row>
        <row r="1776">
          <cell r="A1776" t="str">
            <v>HSG/02005.03.15</v>
          </cell>
          <cell r="C1776">
            <v>3916</v>
          </cell>
          <cell r="F1776">
            <v>3916</v>
          </cell>
        </row>
        <row r="1777">
          <cell r="A1777" t="str">
            <v>HSG/02005.03.16</v>
          </cell>
          <cell r="C1777">
            <v>2250</v>
          </cell>
          <cell r="F1777">
            <v>2250</v>
          </cell>
        </row>
        <row r="1778">
          <cell r="A1778" t="str">
            <v>HSG/02005.03.17</v>
          </cell>
          <cell r="C1778">
            <v>8406</v>
          </cell>
          <cell r="F1778">
            <v>8406</v>
          </cell>
        </row>
        <row r="1779">
          <cell r="A1779" t="str">
            <v>HSG/02005.03.18</v>
          </cell>
          <cell r="C1779">
            <v>5169</v>
          </cell>
          <cell r="F1779">
            <v>5169</v>
          </cell>
        </row>
        <row r="1780">
          <cell r="A1780" t="str">
            <v>HSG/02005.03.19</v>
          </cell>
          <cell r="C1780">
            <v>6422.5</v>
          </cell>
          <cell r="F1780">
            <v>6422.5</v>
          </cell>
        </row>
        <row r="1781">
          <cell r="A1781" t="str">
            <v>HSG/02005.03.20</v>
          </cell>
          <cell r="C1781">
            <v>4209.5600000000004</v>
          </cell>
          <cell r="F1781">
            <v>4209.5600000000004</v>
          </cell>
        </row>
        <row r="1782">
          <cell r="A1782" t="str">
            <v>HSG/02005.03.21</v>
          </cell>
          <cell r="C1782">
            <v>4708</v>
          </cell>
          <cell r="F1782">
            <v>4708</v>
          </cell>
        </row>
        <row r="1783">
          <cell r="A1783" t="str">
            <v>HSG/02005.03.22</v>
          </cell>
          <cell r="C1783">
            <v>5606.67</v>
          </cell>
          <cell r="F1783">
            <v>5606.67</v>
          </cell>
        </row>
        <row r="1784">
          <cell r="A1784" t="str">
            <v>HSG/02005.03.23</v>
          </cell>
          <cell r="C1784">
            <v>4258.6099999999997</v>
          </cell>
          <cell r="F1784">
            <v>4258.6099999999997</v>
          </cell>
        </row>
        <row r="1785">
          <cell r="A1785" t="str">
            <v>HSG/02005.03.24</v>
          </cell>
          <cell r="C1785">
            <v>6100</v>
          </cell>
          <cell r="F1785">
            <v>6100</v>
          </cell>
        </row>
        <row r="1786">
          <cell r="A1786" t="str">
            <v>HSG/02005.03.25</v>
          </cell>
          <cell r="C1786">
            <v>4964</v>
          </cell>
          <cell r="F1786">
            <v>4964</v>
          </cell>
        </row>
        <row r="1787">
          <cell r="A1787" t="str">
            <v>HSG/02005.03.26</v>
          </cell>
          <cell r="C1787">
            <v>5567</v>
          </cell>
          <cell r="F1787">
            <v>5567</v>
          </cell>
        </row>
        <row r="1788">
          <cell r="A1788" t="str">
            <v>HSG/02005.03.27</v>
          </cell>
          <cell r="C1788">
            <v>11232.9</v>
          </cell>
          <cell r="D1788">
            <v>15487.7</v>
          </cell>
          <cell r="F1788">
            <v>26720.6</v>
          </cell>
        </row>
        <row r="1789">
          <cell r="A1789" t="str">
            <v>HSG/02005.03.29</v>
          </cell>
          <cell r="C1789">
            <v>0</v>
          </cell>
          <cell r="D1789">
            <v>5560.88</v>
          </cell>
          <cell r="F1789">
            <v>5560.88</v>
          </cell>
        </row>
        <row r="1790">
          <cell r="A1790" t="str">
            <v>HSG/02005.03.30</v>
          </cell>
          <cell r="C1790">
            <v>4655</v>
          </cell>
          <cell r="F1790">
            <v>4655</v>
          </cell>
        </row>
        <row r="1791">
          <cell r="A1791" t="str">
            <v>HSG/02005.03.31</v>
          </cell>
          <cell r="C1791">
            <v>14984</v>
          </cell>
          <cell r="D1791">
            <v>2266.1</v>
          </cell>
          <cell r="F1791">
            <v>17250.099999999999</v>
          </cell>
        </row>
        <row r="1792">
          <cell r="A1792" t="str">
            <v>HSG/02005.03.32</v>
          </cell>
          <cell r="D1792">
            <v>8261</v>
          </cell>
          <cell r="F1792">
            <v>8261</v>
          </cell>
        </row>
        <row r="1793">
          <cell r="A1793" t="str">
            <v>HSG/02005.03.33</v>
          </cell>
          <cell r="E1793">
            <v>4434.03</v>
          </cell>
          <cell r="F1793">
            <v>4434.03</v>
          </cell>
        </row>
        <row r="1794">
          <cell r="A1794" t="str">
            <v>HSG/02005.03.34</v>
          </cell>
          <cell r="C1794">
            <v>22600.78</v>
          </cell>
          <cell r="D1794">
            <v>2399.2199999999998</v>
          </cell>
          <cell r="F1794">
            <v>25000</v>
          </cell>
        </row>
        <row r="1795">
          <cell r="A1795" t="str">
            <v>HSG/02005.03.35</v>
          </cell>
          <cell r="C1795">
            <v>14216</v>
          </cell>
          <cell r="F1795">
            <v>14216</v>
          </cell>
        </row>
        <row r="1796">
          <cell r="A1796" t="str">
            <v>HSG/02005.03.36</v>
          </cell>
          <cell r="C1796">
            <v>432</v>
          </cell>
          <cell r="F1796">
            <v>432</v>
          </cell>
        </row>
        <row r="1797">
          <cell r="A1797" t="str">
            <v>HSG/02005.03.37</v>
          </cell>
          <cell r="C1797">
            <v>4074.03</v>
          </cell>
          <cell r="F1797">
            <v>4074.03</v>
          </cell>
        </row>
        <row r="1798">
          <cell r="A1798" t="str">
            <v>HSG/02005.03.38</v>
          </cell>
          <cell r="C1798">
            <v>2249.75</v>
          </cell>
          <cell r="D1798">
            <v>2050</v>
          </cell>
          <cell r="F1798">
            <v>4299.75</v>
          </cell>
        </row>
        <row r="1799">
          <cell r="A1799" t="str">
            <v>HSG/02005.03.39</v>
          </cell>
          <cell r="C1799">
            <v>6234</v>
          </cell>
          <cell r="D1799">
            <v>2109.13</v>
          </cell>
          <cell r="F1799">
            <v>8343.1299999999992</v>
          </cell>
        </row>
        <row r="1800">
          <cell r="A1800" t="str">
            <v>HSG/02005.03.40</v>
          </cell>
          <cell r="C1800">
            <v>2091.0300000000002</v>
          </cell>
          <cell r="F1800">
            <v>2091.0300000000002</v>
          </cell>
        </row>
        <row r="1801">
          <cell r="A1801" t="str">
            <v>HSG/02005.03.41</v>
          </cell>
          <cell r="C1801">
            <v>5240</v>
          </cell>
          <cell r="F1801">
            <v>5240</v>
          </cell>
        </row>
        <row r="1802">
          <cell r="A1802" t="str">
            <v>HSG/02005.03.42</v>
          </cell>
          <cell r="C1802">
            <v>5024</v>
          </cell>
          <cell r="D1802">
            <v>4651.93</v>
          </cell>
          <cell r="F1802">
            <v>9675.93</v>
          </cell>
        </row>
        <row r="1803">
          <cell r="A1803" t="str">
            <v>HSG/02005.03.43</v>
          </cell>
          <cell r="C1803">
            <v>13762.5</v>
          </cell>
          <cell r="D1803">
            <v>11237.49</v>
          </cell>
          <cell r="F1803">
            <v>24999.99</v>
          </cell>
        </row>
        <row r="1804">
          <cell r="A1804" t="str">
            <v>HSG/02005.03.44</v>
          </cell>
          <cell r="C1804">
            <v>4177.07</v>
          </cell>
          <cell r="D1804">
            <v>7813</v>
          </cell>
          <cell r="F1804">
            <v>11990.07</v>
          </cell>
        </row>
        <row r="1805">
          <cell r="A1805" t="str">
            <v>HSG/02005.03.45</v>
          </cell>
          <cell r="C1805">
            <v>2000</v>
          </cell>
          <cell r="D1805">
            <v>1996</v>
          </cell>
          <cell r="F1805">
            <v>3996</v>
          </cell>
        </row>
        <row r="1806">
          <cell r="A1806" t="str">
            <v>HSG/02005.03.46</v>
          </cell>
          <cell r="D1806">
            <v>14635.08</v>
          </cell>
          <cell r="F1806">
            <v>14635.08</v>
          </cell>
        </row>
        <row r="1807">
          <cell r="A1807" t="str">
            <v>HSG/02005.03.47</v>
          </cell>
          <cell r="D1807">
            <v>3650</v>
          </cell>
          <cell r="F1807">
            <v>3650</v>
          </cell>
        </row>
        <row r="1808">
          <cell r="A1808" t="str">
            <v>HSG/02005.03.48</v>
          </cell>
          <cell r="D1808">
            <v>6126</v>
          </cell>
          <cell r="F1808">
            <v>6126</v>
          </cell>
        </row>
        <row r="1809">
          <cell r="A1809" t="str">
            <v>HSG/02005.03.49</v>
          </cell>
          <cell r="C1809">
            <v>3926.19</v>
          </cell>
          <cell r="F1809">
            <v>3926.19</v>
          </cell>
        </row>
        <row r="1810">
          <cell r="A1810" t="str">
            <v>HSG/02005.03.50</v>
          </cell>
          <cell r="C1810">
            <v>16439.169999999998</v>
          </cell>
          <cell r="F1810">
            <v>16439.169999999998</v>
          </cell>
        </row>
        <row r="1811">
          <cell r="A1811" t="str">
            <v>HSG/02005.03.51</v>
          </cell>
          <cell r="D1811">
            <v>1409</v>
          </cell>
          <cell r="F1811">
            <v>1409</v>
          </cell>
        </row>
        <row r="1812">
          <cell r="A1812" t="str">
            <v>HSG/02005.03.52</v>
          </cell>
          <cell r="D1812">
            <v>2100</v>
          </cell>
          <cell r="F1812">
            <v>2100</v>
          </cell>
        </row>
        <row r="1813">
          <cell r="A1813" t="str">
            <v>HSG/02005.03.53</v>
          </cell>
          <cell r="D1813">
            <v>5079</v>
          </cell>
          <cell r="F1813">
            <v>5079</v>
          </cell>
        </row>
        <row r="1814">
          <cell r="A1814" t="str">
            <v>HSG/02005.03.54</v>
          </cell>
          <cell r="D1814">
            <v>4989</v>
          </cell>
          <cell r="F1814">
            <v>4989</v>
          </cell>
        </row>
        <row r="1815">
          <cell r="A1815" t="str">
            <v>HSG/02005.03.55</v>
          </cell>
          <cell r="D1815">
            <v>3080</v>
          </cell>
          <cell r="F1815">
            <v>3080</v>
          </cell>
        </row>
        <row r="1816">
          <cell r="A1816" t="str">
            <v>HSG/02005.03.56</v>
          </cell>
          <cell r="D1816">
            <v>6023</v>
          </cell>
          <cell r="F1816">
            <v>6023</v>
          </cell>
        </row>
        <row r="1817">
          <cell r="A1817" t="str">
            <v>HSG/02005.03.57</v>
          </cell>
          <cell r="D1817">
            <v>24660</v>
          </cell>
          <cell r="F1817">
            <v>24660</v>
          </cell>
        </row>
        <row r="1818">
          <cell r="A1818" t="str">
            <v>HSG/02005.03.58</v>
          </cell>
          <cell r="D1818">
            <v>8360.2900000000009</v>
          </cell>
          <cell r="F1818">
            <v>8360.2900000000009</v>
          </cell>
        </row>
        <row r="1819">
          <cell r="A1819" t="str">
            <v>HSG/02005.03.59</v>
          </cell>
          <cell r="D1819">
            <v>2177</v>
          </cell>
          <cell r="F1819">
            <v>2177</v>
          </cell>
        </row>
        <row r="1820">
          <cell r="A1820" t="str">
            <v>HSG/02005.03.60</v>
          </cell>
          <cell r="D1820">
            <v>4315</v>
          </cell>
          <cell r="F1820">
            <v>4315</v>
          </cell>
        </row>
        <row r="1821">
          <cell r="A1821" t="str">
            <v>HSG/02006.01.01</v>
          </cell>
          <cell r="D1821">
            <v>4228.04</v>
          </cell>
          <cell r="F1821">
            <v>4228.04</v>
          </cell>
        </row>
        <row r="1822">
          <cell r="A1822" t="str">
            <v>HSG/02006.01.02</v>
          </cell>
          <cell r="D1822">
            <v>1032.8699999999999</v>
          </cell>
          <cell r="F1822">
            <v>1032.8699999999999</v>
          </cell>
        </row>
        <row r="1823">
          <cell r="A1823" t="str">
            <v>HSG/02006.01.03</v>
          </cell>
          <cell r="D1823">
            <v>2980</v>
          </cell>
          <cell r="F1823">
            <v>2980</v>
          </cell>
        </row>
        <row r="1824">
          <cell r="A1824" t="str">
            <v>HSG/02006.01.04</v>
          </cell>
          <cell r="D1824">
            <v>5089</v>
          </cell>
          <cell r="F1824">
            <v>5089</v>
          </cell>
        </row>
        <row r="1825">
          <cell r="A1825" t="str">
            <v>HSG/02006.01.05</v>
          </cell>
          <cell r="D1825">
            <v>2494</v>
          </cell>
          <cell r="F1825">
            <v>2494</v>
          </cell>
        </row>
        <row r="1826">
          <cell r="A1826" t="str">
            <v>HSG/02006.01.06</v>
          </cell>
          <cell r="D1826">
            <v>4567.1000000000004</v>
          </cell>
          <cell r="F1826">
            <v>4567.1000000000004</v>
          </cell>
        </row>
        <row r="1827">
          <cell r="A1827" t="str">
            <v>HSG/02006.01.07</v>
          </cell>
          <cell r="D1827">
            <v>7132.02</v>
          </cell>
          <cell r="F1827">
            <v>7132.02</v>
          </cell>
        </row>
        <row r="1828">
          <cell r="A1828" t="str">
            <v>HSG/02006.01.08</v>
          </cell>
          <cell r="D1828">
            <v>4933</v>
          </cell>
          <cell r="F1828">
            <v>4933</v>
          </cell>
        </row>
        <row r="1829">
          <cell r="A1829" t="str">
            <v>HSG/02006.01.09</v>
          </cell>
          <cell r="D1829">
            <v>3570.98</v>
          </cell>
          <cell r="F1829">
            <v>3570.98</v>
          </cell>
        </row>
        <row r="1830">
          <cell r="A1830" t="str">
            <v>HSG/02006.01.10</v>
          </cell>
          <cell r="D1830">
            <v>2750</v>
          </cell>
          <cell r="F1830">
            <v>2750</v>
          </cell>
        </row>
        <row r="1831">
          <cell r="A1831" t="str">
            <v>HSG/02006.01.11</v>
          </cell>
          <cell r="D1831">
            <v>4221</v>
          </cell>
          <cell r="F1831">
            <v>4221</v>
          </cell>
        </row>
        <row r="1832">
          <cell r="A1832" t="str">
            <v>HSG/02006.01.12</v>
          </cell>
          <cell r="D1832">
            <v>10993</v>
          </cell>
          <cell r="F1832">
            <v>10993</v>
          </cell>
        </row>
        <row r="1833">
          <cell r="A1833" t="str">
            <v>HSG/02006.01.13</v>
          </cell>
          <cell r="E1833">
            <v>21210.25</v>
          </cell>
          <cell r="F1833">
            <v>21210.25</v>
          </cell>
        </row>
        <row r="1834">
          <cell r="A1834" t="str">
            <v>HSG/02006.01.14</v>
          </cell>
          <cell r="D1834">
            <v>1924</v>
          </cell>
          <cell r="F1834">
            <v>1924</v>
          </cell>
        </row>
        <row r="1835">
          <cell r="A1835" t="str">
            <v>HSG/02006.01.15</v>
          </cell>
          <cell r="D1835">
            <v>3319</v>
          </cell>
          <cell r="F1835">
            <v>3319</v>
          </cell>
        </row>
        <row r="1836">
          <cell r="A1836" t="str">
            <v>HSG/02006.01.16</v>
          </cell>
          <cell r="D1836">
            <v>6537</v>
          </cell>
          <cell r="F1836">
            <v>6537</v>
          </cell>
        </row>
        <row r="1837">
          <cell r="A1837" t="str">
            <v>HSG/02006.01.17</v>
          </cell>
          <cell r="D1837">
            <v>17481</v>
          </cell>
          <cell r="F1837">
            <v>17481</v>
          </cell>
        </row>
        <row r="1838">
          <cell r="A1838" t="str">
            <v>HSG/02006.01.18</v>
          </cell>
          <cell r="D1838">
            <v>2060</v>
          </cell>
          <cell r="F1838">
            <v>2060</v>
          </cell>
        </row>
        <row r="1839">
          <cell r="A1839" t="str">
            <v>HSG/02006.01.19</v>
          </cell>
          <cell r="D1839">
            <v>24357.3</v>
          </cell>
          <cell r="F1839">
            <v>24357.3</v>
          </cell>
        </row>
        <row r="1840">
          <cell r="A1840" t="str">
            <v>HSG/02006.01.20</v>
          </cell>
          <cell r="D1840">
            <v>4369</v>
          </cell>
          <cell r="F1840">
            <v>4369</v>
          </cell>
        </row>
        <row r="1841">
          <cell r="A1841" t="str">
            <v>HSG/02006.01.21</v>
          </cell>
          <cell r="D1841">
            <v>1449.53</v>
          </cell>
          <cell r="F1841">
            <v>1449.53</v>
          </cell>
        </row>
        <row r="1842">
          <cell r="A1842" t="str">
            <v>HSG/02006.01.22</v>
          </cell>
          <cell r="D1842">
            <v>34728.9</v>
          </cell>
          <cell r="F1842">
            <v>34728.9</v>
          </cell>
        </row>
        <row r="1843">
          <cell r="A1843" t="str">
            <v>HSG/02006.01.23</v>
          </cell>
          <cell r="D1843">
            <v>21847.81</v>
          </cell>
          <cell r="E1843">
            <v>600</v>
          </cell>
          <cell r="F1843">
            <v>22447.81</v>
          </cell>
        </row>
        <row r="1844">
          <cell r="A1844" t="str">
            <v>HSG/02006.01.24</v>
          </cell>
          <cell r="D1844">
            <v>7116.31</v>
          </cell>
          <cell r="F1844">
            <v>7116.31</v>
          </cell>
        </row>
        <row r="1845">
          <cell r="A1845" t="str">
            <v>HSG/02006.01.25</v>
          </cell>
          <cell r="D1845">
            <v>4336.46</v>
          </cell>
          <cell r="F1845">
            <v>4336.46</v>
          </cell>
        </row>
        <row r="1846">
          <cell r="A1846" t="str">
            <v>HSG/02006.01.26</v>
          </cell>
          <cell r="D1846">
            <v>4906</v>
          </cell>
          <cell r="F1846">
            <v>4906</v>
          </cell>
        </row>
        <row r="1847">
          <cell r="A1847" t="str">
            <v>HSG/02006.01.27</v>
          </cell>
          <cell r="D1847">
            <v>4550</v>
          </cell>
          <cell r="F1847">
            <v>4550</v>
          </cell>
        </row>
        <row r="1848">
          <cell r="A1848" t="str">
            <v>HSG/02006.01.28</v>
          </cell>
          <cell r="D1848">
            <v>19365.53</v>
          </cell>
          <cell r="F1848">
            <v>19365.53</v>
          </cell>
        </row>
        <row r="1849">
          <cell r="A1849" t="str">
            <v>HSG/02006.01.29</v>
          </cell>
          <cell r="D1849">
            <v>7940</v>
          </cell>
          <cell r="F1849">
            <v>7940</v>
          </cell>
        </row>
        <row r="1850">
          <cell r="A1850" t="str">
            <v>HSG/02006.01.30</v>
          </cell>
          <cell r="D1850">
            <v>10184</v>
          </cell>
          <cell r="F1850">
            <v>10184</v>
          </cell>
        </row>
        <row r="1851">
          <cell r="A1851" t="str">
            <v>HSG/02006.01.31</v>
          </cell>
          <cell r="D1851">
            <v>4655</v>
          </cell>
          <cell r="F1851">
            <v>4655</v>
          </cell>
        </row>
        <row r="1852">
          <cell r="A1852" t="str">
            <v>HSG/02006.01.33</v>
          </cell>
          <cell r="D1852">
            <v>2730</v>
          </cell>
          <cell r="F1852">
            <v>2730</v>
          </cell>
        </row>
        <row r="1853">
          <cell r="A1853" t="str">
            <v>HSG/02006.01.34</v>
          </cell>
          <cell r="D1853">
            <v>6155</v>
          </cell>
          <cell r="F1853">
            <v>6155</v>
          </cell>
        </row>
        <row r="1854">
          <cell r="A1854" t="str">
            <v>HSG/02006.01.35</v>
          </cell>
          <cell r="D1854">
            <v>4940.51</v>
          </cell>
          <cell r="F1854">
            <v>4940.51</v>
          </cell>
        </row>
        <row r="1855">
          <cell r="A1855" t="str">
            <v>HSG/02006.01.36</v>
          </cell>
          <cell r="D1855">
            <v>21156.7</v>
          </cell>
          <cell r="F1855">
            <v>21156.7</v>
          </cell>
        </row>
        <row r="1856">
          <cell r="A1856" t="str">
            <v>HSG/02006.01.37</v>
          </cell>
          <cell r="D1856">
            <v>5572.7</v>
          </cell>
          <cell r="F1856">
            <v>5572.7</v>
          </cell>
        </row>
        <row r="1857">
          <cell r="A1857" t="str">
            <v>HSG/02006.01.38</v>
          </cell>
          <cell r="D1857">
            <v>21468.22</v>
          </cell>
          <cell r="F1857">
            <v>21468.22</v>
          </cell>
        </row>
        <row r="1858">
          <cell r="A1858" t="str">
            <v>HSG/02006.01.39</v>
          </cell>
          <cell r="D1858">
            <v>7928</v>
          </cell>
          <cell r="F1858">
            <v>7928</v>
          </cell>
        </row>
        <row r="1859">
          <cell r="A1859" t="str">
            <v>HSG/02006.01.40</v>
          </cell>
          <cell r="D1859">
            <v>9897.25</v>
          </cell>
          <cell r="F1859">
            <v>9897.25</v>
          </cell>
        </row>
        <row r="1860">
          <cell r="A1860" t="str">
            <v>HSG/02006.01.41</v>
          </cell>
          <cell r="D1860">
            <v>6854</v>
          </cell>
          <cell r="F1860">
            <v>6854</v>
          </cell>
        </row>
        <row r="1861">
          <cell r="A1861" t="str">
            <v>HSG/02006.01.42</v>
          </cell>
          <cell r="D1861">
            <v>10876.12</v>
          </cell>
          <cell r="F1861">
            <v>10876.12</v>
          </cell>
        </row>
        <row r="1862">
          <cell r="A1862" t="str">
            <v>HSG/02006.01.43</v>
          </cell>
          <cell r="D1862">
            <v>4449</v>
          </cell>
          <cell r="F1862">
            <v>4449</v>
          </cell>
        </row>
        <row r="1863">
          <cell r="A1863" t="str">
            <v>HSG/02006.01.44</v>
          </cell>
          <cell r="D1863">
            <v>1433.73</v>
          </cell>
          <cell r="F1863">
            <v>1433.73</v>
          </cell>
        </row>
        <row r="1864">
          <cell r="A1864" t="str">
            <v>HSG/02006.01.45</v>
          </cell>
          <cell r="D1864">
            <v>1651</v>
          </cell>
          <cell r="F1864">
            <v>1651</v>
          </cell>
        </row>
        <row r="1865">
          <cell r="A1865" t="str">
            <v>HSG/02006.01.46</v>
          </cell>
          <cell r="D1865">
            <v>6778.13</v>
          </cell>
          <cell r="F1865">
            <v>6778.13</v>
          </cell>
        </row>
        <row r="1866">
          <cell r="A1866" t="str">
            <v>HSG/02006.01.47</v>
          </cell>
          <cell r="D1866">
            <v>4116</v>
          </cell>
          <cell r="F1866">
            <v>4116</v>
          </cell>
        </row>
        <row r="1867">
          <cell r="A1867" t="str">
            <v>HSG/02006.01.48</v>
          </cell>
          <cell r="D1867">
            <v>888.05</v>
          </cell>
          <cell r="F1867">
            <v>888.05</v>
          </cell>
        </row>
        <row r="1868">
          <cell r="A1868" t="str">
            <v>HSG/02006.01.49</v>
          </cell>
          <cell r="D1868">
            <v>4265.54</v>
          </cell>
          <cell r="F1868">
            <v>4265.54</v>
          </cell>
        </row>
        <row r="1869">
          <cell r="A1869" t="str">
            <v>HSG/02006.01.50</v>
          </cell>
          <cell r="D1869">
            <v>24912.94</v>
          </cell>
          <cell r="F1869">
            <v>24912.94</v>
          </cell>
        </row>
        <row r="1870">
          <cell r="A1870" t="str">
            <v>HSG/02006.01.51</v>
          </cell>
          <cell r="D1870">
            <v>4928.32</v>
          </cell>
          <cell r="F1870">
            <v>4928.32</v>
          </cell>
        </row>
        <row r="1871">
          <cell r="A1871" t="str">
            <v>HSG/02006.01.52</v>
          </cell>
          <cell r="D1871">
            <v>12407</v>
          </cell>
          <cell r="F1871">
            <v>12407</v>
          </cell>
        </row>
        <row r="1872">
          <cell r="A1872" t="str">
            <v>HSG/02006.01.54</v>
          </cell>
          <cell r="D1872">
            <v>4881</v>
          </cell>
          <cell r="F1872">
            <v>4881</v>
          </cell>
        </row>
        <row r="1873">
          <cell r="A1873" t="str">
            <v>HSG/02006.01.55</v>
          </cell>
          <cell r="D1873">
            <v>20950.75</v>
          </cell>
          <cell r="E1873">
            <v>4049.25</v>
          </cell>
          <cell r="F1873">
            <v>25000</v>
          </cell>
        </row>
        <row r="1874">
          <cell r="A1874" t="str">
            <v>HSG/02006.01.56</v>
          </cell>
          <cell r="D1874">
            <v>5506.16</v>
          </cell>
          <cell r="E1874">
            <v>1383.75</v>
          </cell>
          <cell r="F1874">
            <v>6889.91</v>
          </cell>
        </row>
        <row r="1875">
          <cell r="A1875" t="str">
            <v>HSG/02006.01.58</v>
          </cell>
          <cell r="D1875">
            <v>9768.14</v>
          </cell>
          <cell r="E1875">
            <v>7381.4</v>
          </cell>
          <cell r="F1875">
            <v>17149.54</v>
          </cell>
        </row>
        <row r="1876">
          <cell r="A1876" t="str">
            <v>HSG/02006.01.59</v>
          </cell>
          <cell r="D1876">
            <v>6946.9</v>
          </cell>
          <cell r="F1876">
            <v>6946.9</v>
          </cell>
        </row>
        <row r="1877">
          <cell r="A1877" t="str">
            <v>HSG/02006.01.60</v>
          </cell>
          <cell r="D1877">
            <v>8841.9</v>
          </cell>
          <cell r="F1877">
            <v>8841.9</v>
          </cell>
        </row>
        <row r="1878">
          <cell r="A1878" t="str">
            <v>HSG/02006.01.61</v>
          </cell>
          <cell r="D1878">
            <v>5331</v>
          </cell>
          <cell r="F1878">
            <v>5331</v>
          </cell>
        </row>
        <row r="1879">
          <cell r="A1879" t="str">
            <v>HSG/02006.01.62</v>
          </cell>
          <cell r="D1879">
            <v>6036.87</v>
          </cell>
          <cell r="F1879">
            <v>6036.87</v>
          </cell>
        </row>
        <row r="1880">
          <cell r="A1880" t="str">
            <v>HSG/02006.01.63</v>
          </cell>
          <cell r="D1880">
            <v>4697</v>
          </cell>
          <cell r="F1880">
            <v>4697</v>
          </cell>
        </row>
        <row r="1881">
          <cell r="A1881" t="str">
            <v>HSG/02006.01.65</v>
          </cell>
          <cell r="D1881">
            <v>8418.2900000000009</v>
          </cell>
          <cell r="F1881">
            <v>8418.2900000000009</v>
          </cell>
        </row>
        <row r="1882">
          <cell r="A1882" t="str">
            <v>HSG/02006.01.66</v>
          </cell>
          <cell r="D1882">
            <v>5342.78</v>
          </cell>
          <cell r="F1882">
            <v>5342.78</v>
          </cell>
        </row>
        <row r="1883">
          <cell r="A1883" t="str">
            <v>HSG/02006.01.67</v>
          </cell>
          <cell r="D1883">
            <v>10092</v>
          </cell>
          <cell r="F1883">
            <v>10092</v>
          </cell>
        </row>
        <row r="1884">
          <cell r="A1884" t="str">
            <v>HSG/02006.01.68</v>
          </cell>
          <cell r="D1884">
            <v>12710.64</v>
          </cell>
          <cell r="F1884">
            <v>12710.64</v>
          </cell>
        </row>
        <row r="1885">
          <cell r="A1885" t="str">
            <v>HSG/02006.01.69</v>
          </cell>
          <cell r="D1885">
            <v>5865</v>
          </cell>
          <cell r="F1885">
            <v>5865</v>
          </cell>
        </row>
        <row r="1886">
          <cell r="A1886" t="str">
            <v>HSG/02006.01.70</v>
          </cell>
          <cell r="D1886">
            <v>4670</v>
          </cell>
          <cell r="F1886">
            <v>4670</v>
          </cell>
        </row>
        <row r="1887">
          <cell r="A1887" t="str">
            <v>HSG/02006.01.71</v>
          </cell>
          <cell r="D1887">
            <v>7731.66</v>
          </cell>
          <cell r="F1887">
            <v>7731.66</v>
          </cell>
        </row>
        <row r="1888">
          <cell r="A1888" t="str">
            <v>HSG/02006.01.72</v>
          </cell>
          <cell r="D1888">
            <v>4498</v>
          </cell>
          <cell r="F1888">
            <v>4498</v>
          </cell>
        </row>
        <row r="1889">
          <cell r="A1889" t="str">
            <v>HSG/02006.01.73</v>
          </cell>
          <cell r="D1889">
            <v>8507.52</v>
          </cell>
          <cell r="F1889">
            <v>8507.52</v>
          </cell>
        </row>
        <row r="1890">
          <cell r="A1890" t="str">
            <v>HSG/02006.01.74</v>
          </cell>
          <cell r="D1890">
            <v>3800.39</v>
          </cell>
          <cell r="F1890">
            <v>3800.39</v>
          </cell>
        </row>
        <row r="1891">
          <cell r="A1891" t="str">
            <v>HSG/02006.01.75</v>
          </cell>
          <cell r="D1891">
            <v>4811.88</v>
          </cell>
          <cell r="F1891">
            <v>4811.88</v>
          </cell>
        </row>
        <row r="1892">
          <cell r="A1892" t="str">
            <v>HSG/02006.01.76</v>
          </cell>
          <cell r="D1892">
            <v>20400</v>
          </cell>
          <cell r="E1892">
            <v>3035</v>
          </cell>
          <cell r="F1892">
            <v>23435</v>
          </cell>
        </row>
        <row r="1893">
          <cell r="A1893" t="str">
            <v>HSG/02006.01.78</v>
          </cell>
          <cell r="E1893">
            <v>5167.66</v>
          </cell>
          <cell r="F1893">
            <v>5167.66</v>
          </cell>
        </row>
        <row r="1894">
          <cell r="A1894" t="str">
            <v>HSG/02006.01.79</v>
          </cell>
          <cell r="D1894">
            <v>5199</v>
          </cell>
          <cell r="F1894">
            <v>5199</v>
          </cell>
        </row>
        <row r="1895">
          <cell r="A1895" t="str">
            <v>HSG/02006.01.80</v>
          </cell>
          <cell r="D1895">
            <v>8738.74</v>
          </cell>
          <cell r="E1895">
            <v>8429.73</v>
          </cell>
          <cell r="F1895">
            <v>17168.47</v>
          </cell>
        </row>
        <row r="1896">
          <cell r="A1896" t="str">
            <v>HSG/02006.01.81</v>
          </cell>
          <cell r="D1896">
            <v>3690</v>
          </cell>
          <cell r="F1896">
            <v>3690</v>
          </cell>
        </row>
        <row r="1897">
          <cell r="A1897" t="str">
            <v>HSG/02006.01.82</v>
          </cell>
          <cell r="D1897">
            <v>8334.59</v>
          </cell>
          <cell r="F1897">
            <v>8334.59</v>
          </cell>
        </row>
        <row r="1898">
          <cell r="A1898" t="str">
            <v>HSG/02006.01.83</v>
          </cell>
          <cell r="D1898">
            <v>1595</v>
          </cell>
          <cell r="F1898">
            <v>1595</v>
          </cell>
        </row>
        <row r="1899">
          <cell r="A1899" t="str">
            <v>HSG/02006.01.84</v>
          </cell>
          <cell r="D1899">
            <v>5138</v>
          </cell>
          <cell r="F1899">
            <v>5138</v>
          </cell>
        </row>
        <row r="1900">
          <cell r="A1900" t="str">
            <v>HSG/02006.01.85</v>
          </cell>
          <cell r="D1900">
            <v>4949</v>
          </cell>
          <cell r="F1900">
            <v>4949</v>
          </cell>
        </row>
        <row r="1901">
          <cell r="A1901" t="str">
            <v>HSG/02006.01.86</v>
          </cell>
          <cell r="D1901">
            <v>5161</v>
          </cell>
          <cell r="F1901">
            <v>5161</v>
          </cell>
        </row>
        <row r="1902">
          <cell r="A1902" t="str">
            <v>HSG/02006.01.87</v>
          </cell>
          <cell r="E1902">
            <v>11009.7</v>
          </cell>
          <cell r="F1902">
            <v>11009.7</v>
          </cell>
        </row>
        <row r="1903">
          <cell r="A1903" t="str">
            <v>HSG/02006.01.88</v>
          </cell>
          <cell r="D1903">
            <v>25000</v>
          </cell>
          <cell r="F1903">
            <v>25000</v>
          </cell>
        </row>
        <row r="1904">
          <cell r="A1904" t="str">
            <v>HSG/02006.01.89</v>
          </cell>
          <cell r="D1904">
            <v>8545.75</v>
          </cell>
          <cell r="E1904">
            <v>1211.25</v>
          </cell>
          <cell r="F1904">
            <v>9757</v>
          </cell>
        </row>
        <row r="1905">
          <cell r="A1905" t="str">
            <v>HSG/02006.01.90</v>
          </cell>
          <cell r="D1905">
            <v>1853.82</v>
          </cell>
          <cell r="F1905">
            <v>1853.82</v>
          </cell>
        </row>
        <row r="1906">
          <cell r="A1906" t="str">
            <v>HSG/02006.01.91</v>
          </cell>
          <cell r="D1906">
            <v>6853.84</v>
          </cell>
          <cell r="F1906">
            <v>6853.84</v>
          </cell>
        </row>
        <row r="1907">
          <cell r="A1907" t="str">
            <v>HSG/02006.01.92</v>
          </cell>
          <cell r="D1907">
            <v>7484.78</v>
          </cell>
          <cell r="F1907">
            <v>7484.78</v>
          </cell>
        </row>
        <row r="1908">
          <cell r="A1908" t="str">
            <v>HSG/02006.01.93</v>
          </cell>
          <cell r="D1908">
            <v>3275.13</v>
          </cell>
          <cell r="F1908">
            <v>3275.13</v>
          </cell>
        </row>
        <row r="1909">
          <cell r="A1909" t="str">
            <v>HSG/02006.01.94</v>
          </cell>
          <cell r="D1909">
            <v>4467.75</v>
          </cell>
          <cell r="F1909">
            <v>4467.75</v>
          </cell>
        </row>
        <row r="1910">
          <cell r="A1910" t="str">
            <v>HSG/02006.01.95</v>
          </cell>
          <cell r="D1910">
            <v>5382</v>
          </cell>
          <cell r="F1910">
            <v>5382</v>
          </cell>
        </row>
        <row r="1911">
          <cell r="A1911" t="str">
            <v>HSG/02006.01.96</v>
          </cell>
          <cell r="D1911">
            <v>3216</v>
          </cell>
          <cell r="F1911">
            <v>3216</v>
          </cell>
        </row>
        <row r="1912">
          <cell r="A1912" t="str">
            <v>HSG/02006.01.97</v>
          </cell>
          <cell r="D1912">
            <v>23031.13</v>
          </cell>
          <cell r="E1912">
            <v>1968.87</v>
          </cell>
          <cell r="F1912">
            <v>25000</v>
          </cell>
        </row>
        <row r="1913">
          <cell r="A1913" t="str">
            <v>HSG/02006.01.98</v>
          </cell>
          <cell r="D1913">
            <v>3023.72</v>
          </cell>
          <cell r="F1913">
            <v>3023.72</v>
          </cell>
        </row>
        <row r="1914">
          <cell r="A1914" t="str">
            <v>HSG/02006.02.01</v>
          </cell>
          <cell r="D1914">
            <v>10581</v>
          </cell>
          <cell r="F1914">
            <v>10581</v>
          </cell>
        </row>
        <row r="1915">
          <cell r="A1915" t="str">
            <v>HSG/02006.02.02</v>
          </cell>
          <cell r="D1915">
            <v>15500</v>
          </cell>
          <cell r="E1915">
            <v>4500</v>
          </cell>
          <cell r="F1915">
            <v>20000</v>
          </cell>
        </row>
        <row r="1916">
          <cell r="A1916" t="str">
            <v>HSG/02006.02.03</v>
          </cell>
          <cell r="E1916">
            <v>16828.810000000001</v>
          </cell>
          <cell r="F1916">
            <v>16828.810000000001</v>
          </cell>
        </row>
        <row r="1917">
          <cell r="A1917" t="str">
            <v>HSG/02006.02.04</v>
          </cell>
          <cell r="D1917">
            <v>20000</v>
          </cell>
          <cell r="F1917">
            <v>20000</v>
          </cell>
        </row>
        <row r="1918">
          <cell r="A1918" t="str">
            <v>HSG/02006.02.05</v>
          </cell>
          <cell r="D1918">
            <v>11229.6</v>
          </cell>
          <cell r="F1918">
            <v>11229.6</v>
          </cell>
        </row>
        <row r="1919">
          <cell r="A1919" t="str">
            <v>HSG/02006.02.06</v>
          </cell>
          <cell r="D1919">
            <v>7197.24</v>
          </cell>
          <cell r="E1919">
            <v>2689.94</v>
          </cell>
          <cell r="F1919">
            <v>9887.18</v>
          </cell>
        </row>
        <row r="1920">
          <cell r="A1920" t="str">
            <v>HSG/02006.02.07</v>
          </cell>
          <cell r="E1920">
            <v>20000</v>
          </cell>
          <cell r="F1920">
            <v>20000</v>
          </cell>
        </row>
        <row r="1921">
          <cell r="A1921" t="str">
            <v>HSG/02006.02.08</v>
          </cell>
          <cell r="E1921">
            <v>20000</v>
          </cell>
          <cell r="F1921">
            <v>20000</v>
          </cell>
        </row>
        <row r="1922">
          <cell r="A1922" t="str">
            <v>HSG/02006.03.01</v>
          </cell>
          <cell r="D1922">
            <v>5865.99</v>
          </cell>
          <cell r="F1922">
            <v>5865.99</v>
          </cell>
        </row>
        <row r="1923">
          <cell r="A1923" t="str">
            <v>HSG/02006.03.02</v>
          </cell>
          <cell r="D1923">
            <v>25000</v>
          </cell>
          <cell r="F1923">
            <v>25000</v>
          </cell>
        </row>
        <row r="1924">
          <cell r="A1924" t="str">
            <v>HSG/02006.03.03</v>
          </cell>
          <cell r="D1924">
            <v>9998.1299999999992</v>
          </cell>
          <cell r="E1924">
            <v>1740.85</v>
          </cell>
          <cell r="F1924">
            <v>11738.98</v>
          </cell>
        </row>
        <row r="1925">
          <cell r="A1925" t="str">
            <v>HSG/02006.03.04</v>
          </cell>
          <cell r="D1925">
            <v>7332.85</v>
          </cell>
          <cell r="F1925">
            <v>7332.85</v>
          </cell>
        </row>
        <row r="1926">
          <cell r="A1926" t="str">
            <v>HSG/02006.03.05</v>
          </cell>
          <cell r="D1926">
            <v>17342.5</v>
          </cell>
          <cell r="E1926">
            <v>6034.13</v>
          </cell>
          <cell r="F1926">
            <v>23376.63</v>
          </cell>
        </row>
        <row r="1927">
          <cell r="A1927" t="str">
            <v>HSG/02006.03.06</v>
          </cell>
          <cell r="D1927">
            <v>9462</v>
          </cell>
          <cell r="F1927">
            <v>9462</v>
          </cell>
        </row>
        <row r="1928">
          <cell r="A1928" t="str">
            <v>HSG/02006.03.07</v>
          </cell>
          <cell r="D1928">
            <v>13673</v>
          </cell>
          <cell r="F1928">
            <v>13673</v>
          </cell>
        </row>
        <row r="1929">
          <cell r="A1929" t="str">
            <v>HSG/02006.03.08</v>
          </cell>
          <cell r="D1929">
            <v>12500</v>
          </cell>
          <cell r="E1929">
            <v>17429.13</v>
          </cell>
          <cell r="F1929">
            <v>29929.13</v>
          </cell>
        </row>
        <row r="1930">
          <cell r="A1930" t="str">
            <v>HSG/02006.03.11</v>
          </cell>
          <cell r="D1930">
            <v>7080</v>
          </cell>
          <cell r="F1930">
            <v>7080</v>
          </cell>
        </row>
        <row r="1931">
          <cell r="A1931" t="str">
            <v>HSG/02006.03.12</v>
          </cell>
          <cell r="D1931">
            <v>7300</v>
          </cell>
          <cell r="E1931">
            <v>7207.1</v>
          </cell>
          <cell r="F1931">
            <v>14507.1</v>
          </cell>
        </row>
        <row r="1932">
          <cell r="A1932" t="str">
            <v>HSG/02006.03.13</v>
          </cell>
          <cell r="D1932">
            <v>5100</v>
          </cell>
          <cell r="F1932">
            <v>5100</v>
          </cell>
        </row>
        <row r="1933">
          <cell r="A1933" t="str">
            <v>HSG/02006.03.14</v>
          </cell>
          <cell r="D1933">
            <v>9746.25</v>
          </cell>
          <cell r="F1933">
            <v>9746.25</v>
          </cell>
        </row>
        <row r="1934">
          <cell r="A1934" t="str">
            <v>HSG/02006.03.15</v>
          </cell>
          <cell r="D1934">
            <v>5284</v>
          </cell>
          <cell r="F1934">
            <v>5284</v>
          </cell>
        </row>
        <row r="1935">
          <cell r="A1935" t="str">
            <v>HSG/02006.03.16</v>
          </cell>
          <cell r="D1935">
            <v>4162</v>
          </cell>
          <cell r="F1935">
            <v>4162</v>
          </cell>
        </row>
        <row r="1936">
          <cell r="A1936" t="str">
            <v>HSG/02006.03.17</v>
          </cell>
          <cell r="D1936">
            <v>6807.32</v>
          </cell>
          <cell r="E1936">
            <v>309.42</v>
          </cell>
          <cell r="F1936">
            <v>7116.74</v>
          </cell>
        </row>
        <row r="1937">
          <cell r="A1937" t="str">
            <v>HSG/02006.03.18</v>
          </cell>
          <cell r="D1937">
            <v>15805</v>
          </cell>
          <cell r="E1937">
            <v>3737.03</v>
          </cell>
          <cell r="F1937">
            <v>19542.03</v>
          </cell>
        </row>
        <row r="1938">
          <cell r="A1938" t="str">
            <v>HSG/02006.03.19</v>
          </cell>
          <cell r="D1938">
            <v>8858.49</v>
          </cell>
          <cell r="F1938">
            <v>8858.49</v>
          </cell>
        </row>
        <row r="1939">
          <cell r="A1939" t="str">
            <v>HSG/02006.03.20</v>
          </cell>
          <cell r="D1939">
            <v>4082.66</v>
          </cell>
          <cell r="F1939">
            <v>4082.66</v>
          </cell>
        </row>
        <row r="1940">
          <cell r="A1940" t="str">
            <v>HSG/02006.03.22</v>
          </cell>
          <cell r="D1940">
            <v>25000</v>
          </cell>
          <cell r="F1940">
            <v>25000</v>
          </cell>
        </row>
        <row r="1941">
          <cell r="A1941" t="str">
            <v>HSG/02006.03.23</v>
          </cell>
          <cell r="D1941">
            <v>5414</v>
          </cell>
          <cell r="F1941">
            <v>5414</v>
          </cell>
        </row>
        <row r="1942">
          <cell r="A1942" t="str">
            <v>HSG/02006.03.24</v>
          </cell>
          <cell r="D1942">
            <v>2265</v>
          </cell>
          <cell r="F1942">
            <v>2265</v>
          </cell>
        </row>
        <row r="1943">
          <cell r="A1943" t="str">
            <v>HSG/02006.03.25</v>
          </cell>
          <cell r="D1943">
            <v>6671.8</v>
          </cell>
          <cell r="F1943">
            <v>6671.8</v>
          </cell>
        </row>
        <row r="1944">
          <cell r="A1944" t="str">
            <v>HSG/02006.03.26</v>
          </cell>
          <cell r="D1944">
            <v>22500</v>
          </cell>
          <cell r="E1944">
            <v>609.76</v>
          </cell>
          <cell r="F1944">
            <v>23109.759999999998</v>
          </cell>
        </row>
        <row r="1945">
          <cell r="A1945" t="str">
            <v>HSG/02006.03.27</v>
          </cell>
          <cell r="D1945">
            <v>5746</v>
          </cell>
          <cell r="F1945">
            <v>5746</v>
          </cell>
        </row>
        <row r="1946">
          <cell r="A1946" t="str">
            <v>HSG/02006.03.28</v>
          </cell>
          <cell r="D1946">
            <v>5429</v>
          </cell>
          <cell r="F1946">
            <v>5429</v>
          </cell>
        </row>
        <row r="1947">
          <cell r="A1947" t="str">
            <v>HSG/02006.03.29</v>
          </cell>
          <cell r="D1947">
            <v>5360</v>
          </cell>
          <cell r="E1947">
            <v>-2580</v>
          </cell>
          <cell r="F1947">
            <v>2780</v>
          </cell>
        </row>
        <row r="1948">
          <cell r="A1948" t="str">
            <v>HSG/02006.03.30</v>
          </cell>
          <cell r="D1948">
            <v>5171</v>
          </cell>
          <cell r="F1948">
            <v>5171</v>
          </cell>
        </row>
        <row r="1949">
          <cell r="A1949" t="str">
            <v>HSG/02006.03.31</v>
          </cell>
          <cell r="D1949">
            <v>4638.41</v>
          </cell>
          <cell r="F1949">
            <v>4638.41</v>
          </cell>
        </row>
        <row r="1950">
          <cell r="A1950" t="str">
            <v>HSG/02006.03.32</v>
          </cell>
          <cell r="D1950">
            <v>7292.15</v>
          </cell>
          <cell r="E1950">
            <v>13502.15</v>
          </cell>
          <cell r="F1950">
            <v>20794.3</v>
          </cell>
        </row>
        <row r="1951">
          <cell r="A1951" t="str">
            <v>HSG/02006.03.33</v>
          </cell>
          <cell r="D1951">
            <v>2700</v>
          </cell>
          <cell r="F1951">
            <v>2700</v>
          </cell>
        </row>
        <row r="1952">
          <cell r="A1952" t="str">
            <v>HSG/02006.03.34</v>
          </cell>
          <cell r="D1952">
            <v>9789.6200000000008</v>
          </cell>
          <cell r="F1952">
            <v>9789.6200000000008</v>
          </cell>
        </row>
        <row r="1953">
          <cell r="A1953" t="str">
            <v>HSG/02006.03.35</v>
          </cell>
          <cell r="D1953">
            <v>4875</v>
          </cell>
          <cell r="F1953">
            <v>4875</v>
          </cell>
        </row>
        <row r="1954">
          <cell r="A1954" t="str">
            <v>HSG/02006.03.36</v>
          </cell>
          <cell r="D1954">
            <v>11068.16</v>
          </cell>
          <cell r="E1954">
            <v>-5534.08</v>
          </cell>
          <cell r="F1954">
            <v>5534.08</v>
          </cell>
        </row>
        <row r="1955">
          <cell r="A1955" t="str">
            <v>HSG/02006.03.37</v>
          </cell>
          <cell r="D1955">
            <v>25000</v>
          </cell>
          <cell r="F1955">
            <v>25000</v>
          </cell>
        </row>
        <row r="1956">
          <cell r="A1956" t="str">
            <v>HSG/02006.03.38</v>
          </cell>
          <cell r="D1956">
            <v>4971</v>
          </cell>
          <cell r="F1956">
            <v>4971</v>
          </cell>
        </row>
        <row r="1957">
          <cell r="A1957" t="str">
            <v>HSG/02006.03.39</v>
          </cell>
          <cell r="D1957">
            <v>5600</v>
          </cell>
          <cell r="F1957">
            <v>5600</v>
          </cell>
        </row>
        <row r="1958">
          <cell r="A1958" t="str">
            <v>HSG/02006.03.40</v>
          </cell>
          <cell r="D1958">
            <v>4408.5200000000004</v>
          </cell>
          <cell r="F1958">
            <v>4408.5200000000004</v>
          </cell>
        </row>
        <row r="1959">
          <cell r="A1959" t="str">
            <v>HSG/02006.03.41</v>
          </cell>
          <cell r="D1959">
            <v>4515</v>
          </cell>
          <cell r="F1959">
            <v>4515</v>
          </cell>
        </row>
        <row r="1960">
          <cell r="A1960" t="str">
            <v>HSG/02006.03.42</v>
          </cell>
          <cell r="D1960">
            <v>20250</v>
          </cell>
          <cell r="E1960">
            <v>4750</v>
          </cell>
          <cell r="F1960">
            <v>25000</v>
          </cell>
        </row>
        <row r="1961">
          <cell r="A1961" t="str">
            <v>HSG/02006.03.43</v>
          </cell>
          <cell r="D1961">
            <v>5083</v>
          </cell>
          <cell r="E1961">
            <v>19917</v>
          </cell>
          <cell r="F1961">
            <v>25000</v>
          </cell>
        </row>
        <row r="1962">
          <cell r="A1962" t="str">
            <v>HSG/02006.03.44</v>
          </cell>
          <cell r="D1962">
            <v>6867</v>
          </cell>
          <cell r="F1962">
            <v>6867</v>
          </cell>
        </row>
        <row r="1963">
          <cell r="A1963" t="str">
            <v>HSG/02006.03.45</v>
          </cell>
          <cell r="D1963">
            <v>10626.25</v>
          </cell>
          <cell r="F1963">
            <v>10626.25</v>
          </cell>
        </row>
        <row r="1964">
          <cell r="A1964" t="str">
            <v>HSG/02006.03.46</v>
          </cell>
          <cell r="D1964">
            <v>17843.71</v>
          </cell>
          <cell r="E1964">
            <v>1256.55</v>
          </cell>
          <cell r="F1964">
            <v>19100.259999999998</v>
          </cell>
        </row>
        <row r="1965">
          <cell r="A1965" t="str">
            <v>HSG/02006.03.47</v>
          </cell>
          <cell r="D1965">
            <v>5881.25</v>
          </cell>
          <cell r="E1965">
            <v>1705.56</v>
          </cell>
          <cell r="F1965">
            <v>7586.81</v>
          </cell>
        </row>
        <row r="1966">
          <cell r="A1966" t="str">
            <v>HSG/02006.03.48</v>
          </cell>
          <cell r="D1966">
            <v>9796.5</v>
          </cell>
          <cell r="E1966">
            <v>3241.5</v>
          </cell>
          <cell r="F1966">
            <v>13038</v>
          </cell>
        </row>
        <row r="1967">
          <cell r="A1967" t="str">
            <v>HSG/02006.03.49</v>
          </cell>
          <cell r="D1967">
            <v>450</v>
          </cell>
          <cell r="F1967">
            <v>450</v>
          </cell>
        </row>
        <row r="1968">
          <cell r="A1968" t="str">
            <v>HSG/02006.03.50</v>
          </cell>
          <cell r="D1968">
            <v>5881.25</v>
          </cell>
          <cell r="E1968">
            <v>1435.03</v>
          </cell>
          <cell r="F1968">
            <v>7316.28</v>
          </cell>
        </row>
        <row r="1969">
          <cell r="A1969" t="str">
            <v>HSG/02006.03.51</v>
          </cell>
          <cell r="D1969">
            <v>3234.18</v>
          </cell>
          <cell r="E1969">
            <v>21310.62</v>
          </cell>
          <cell r="F1969">
            <v>24544.799999999999</v>
          </cell>
        </row>
        <row r="1970">
          <cell r="A1970" t="str">
            <v>HSG/02006.03.52</v>
          </cell>
          <cell r="D1970">
            <v>2040</v>
          </cell>
          <cell r="F1970">
            <v>2040</v>
          </cell>
        </row>
        <row r="1971">
          <cell r="A1971" t="str">
            <v>HSG/02006.03.53</v>
          </cell>
          <cell r="D1971">
            <v>4018.08</v>
          </cell>
          <cell r="F1971">
            <v>4018.08</v>
          </cell>
        </row>
        <row r="1972">
          <cell r="A1972" t="str">
            <v>HSG/02006.03.54</v>
          </cell>
          <cell r="D1972">
            <v>4315</v>
          </cell>
          <cell r="F1972">
            <v>4315</v>
          </cell>
        </row>
        <row r="1973">
          <cell r="A1973" t="str">
            <v>HSG/02006.03.55</v>
          </cell>
          <cell r="D1973">
            <v>4255.8500000000004</v>
          </cell>
          <cell r="F1973">
            <v>4255.8500000000004</v>
          </cell>
        </row>
        <row r="1974">
          <cell r="A1974" t="str">
            <v>HSG/02007.01.01</v>
          </cell>
          <cell r="B1974">
            <v>56156.17</v>
          </cell>
          <cell r="C1974">
            <v>1038</v>
          </cell>
          <cell r="F1974">
            <v>57194.17</v>
          </cell>
        </row>
        <row r="1975">
          <cell r="A1975" t="str">
            <v>HSG/02007.02.01</v>
          </cell>
          <cell r="B1975">
            <v>49762.1</v>
          </cell>
          <cell r="C1975">
            <v>1038</v>
          </cell>
          <cell r="F1975">
            <v>50800.1</v>
          </cell>
        </row>
        <row r="1976">
          <cell r="A1976" t="str">
            <v>HSG/02007.03.01</v>
          </cell>
          <cell r="B1976">
            <v>49900.31</v>
          </cell>
          <cell r="C1976">
            <v>411038</v>
          </cell>
          <cell r="F1976">
            <v>460938.31</v>
          </cell>
        </row>
        <row r="1977">
          <cell r="A1977" t="str">
            <v>HSG/02007.04.01</v>
          </cell>
          <cell r="B1977">
            <v>171473.93</v>
          </cell>
          <cell r="C1977">
            <v>1038</v>
          </cell>
          <cell r="F1977">
            <v>172511.93</v>
          </cell>
        </row>
        <row r="1978">
          <cell r="A1978" t="str">
            <v>HSG/02008.01.01</v>
          </cell>
          <cell r="D1978">
            <v>0</v>
          </cell>
          <cell r="E1978">
            <v>0</v>
          </cell>
          <cell r="F1978">
            <v>0</v>
          </cell>
        </row>
        <row r="1979">
          <cell r="A1979" t="str">
            <v>HSG/02008.01.02</v>
          </cell>
          <cell r="D1979">
            <v>0</v>
          </cell>
          <cell r="E1979">
            <v>0</v>
          </cell>
          <cell r="F1979">
            <v>0</v>
          </cell>
        </row>
        <row r="1980">
          <cell r="A1980" t="str">
            <v>HSG/02008.01.03</v>
          </cell>
          <cell r="D1980">
            <v>0</v>
          </cell>
          <cell r="E1980">
            <v>-2750</v>
          </cell>
          <cell r="F1980">
            <v>-2750</v>
          </cell>
        </row>
        <row r="1981">
          <cell r="A1981" t="str">
            <v>HSG/02008.01.04</v>
          </cell>
          <cell r="D1981">
            <v>0</v>
          </cell>
          <cell r="E1981">
            <v>2750</v>
          </cell>
          <cell r="F1981">
            <v>2750</v>
          </cell>
        </row>
        <row r="1982">
          <cell r="A1982" t="str">
            <v>HSG/02009.01.01</v>
          </cell>
          <cell r="E1982">
            <v>25000</v>
          </cell>
          <cell r="F1982">
            <v>25000</v>
          </cell>
        </row>
        <row r="1983">
          <cell r="A1983" t="str">
            <v>HSG/02009.01.02</v>
          </cell>
          <cell r="E1983">
            <v>5037</v>
          </cell>
          <cell r="F1983">
            <v>5037</v>
          </cell>
        </row>
        <row r="1984">
          <cell r="A1984" t="str">
            <v>HSG/02009.01.03</v>
          </cell>
          <cell r="E1984">
            <v>16161.9</v>
          </cell>
          <cell r="F1984">
            <v>16161.9</v>
          </cell>
        </row>
        <row r="1985">
          <cell r="A1985" t="str">
            <v>HSG/02009.01.04</v>
          </cell>
          <cell r="E1985">
            <v>6420.13</v>
          </cell>
          <cell r="F1985">
            <v>6420.13</v>
          </cell>
        </row>
        <row r="1986">
          <cell r="A1986" t="str">
            <v>HSG/02009.01.05</v>
          </cell>
          <cell r="E1986">
            <v>5375</v>
          </cell>
          <cell r="F1986">
            <v>5375</v>
          </cell>
        </row>
        <row r="1987">
          <cell r="A1987" t="str">
            <v>HSG/02009.01.06</v>
          </cell>
          <cell r="E1987">
            <v>11255.63</v>
          </cell>
          <cell r="F1987">
            <v>11255.63</v>
          </cell>
        </row>
        <row r="1988">
          <cell r="A1988" t="str">
            <v>HSG/02009.01.07</v>
          </cell>
          <cell r="E1988">
            <v>8904.2099999999991</v>
          </cell>
          <cell r="F1988">
            <v>8904.2099999999991</v>
          </cell>
        </row>
        <row r="1989">
          <cell r="A1989" t="str">
            <v>HSG/02009.01.08</v>
          </cell>
          <cell r="E1989">
            <v>11295</v>
          </cell>
          <cell r="F1989">
            <v>11295</v>
          </cell>
        </row>
        <row r="1990">
          <cell r="A1990" t="str">
            <v>HSG/02009.01.09</v>
          </cell>
          <cell r="E1990">
            <v>5349.05</v>
          </cell>
          <cell r="F1990">
            <v>5349.05</v>
          </cell>
        </row>
        <row r="1991">
          <cell r="A1991" t="str">
            <v>HSG/02009.01.10</v>
          </cell>
          <cell r="E1991">
            <v>3544.56</v>
          </cell>
          <cell r="F1991">
            <v>3544.56</v>
          </cell>
        </row>
        <row r="1992">
          <cell r="A1992" t="str">
            <v>HSG/02009.01.11</v>
          </cell>
          <cell r="E1992">
            <v>3348.03</v>
          </cell>
          <cell r="F1992">
            <v>3348.03</v>
          </cell>
        </row>
        <row r="1993">
          <cell r="A1993" t="str">
            <v>HSG/02009.01.12</v>
          </cell>
          <cell r="E1993">
            <v>6100</v>
          </cell>
          <cell r="F1993">
            <v>6100</v>
          </cell>
        </row>
        <row r="1994">
          <cell r="A1994" t="str">
            <v>HSG/02009.01.13</v>
          </cell>
          <cell r="E1994">
            <v>3133</v>
          </cell>
          <cell r="F1994">
            <v>3133</v>
          </cell>
        </row>
        <row r="1995">
          <cell r="A1995" t="str">
            <v>HSG/02009.01.14</v>
          </cell>
          <cell r="E1995">
            <v>4928.01</v>
          </cell>
          <cell r="F1995">
            <v>4928.01</v>
          </cell>
        </row>
        <row r="1996">
          <cell r="A1996" t="str">
            <v>HSG/02009.01.15</v>
          </cell>
          <cell r="E1996">
            <v>5458.04</v>
          </cell>
          <cell r="F1996">
            <v>5458.04</v>
          </cell>
        </row>
        <row r="1997">
          <cell r="A1997" t="str">
            <v>HSG/02009.01.16</v>
          </cell>
          <cell r="E1997">
            <v>2777.5</v>
          </cell>
          <cell r="F1997">
            <v>2777.5</v>
          </cell>
        </row>
        <row r="1998">
          <cell r="A1998" t="str">
            <v>HSG/02009.01.17</v>
          </cell>
          <cell r="E1998">
            <v>6775</v>
          </cell>
          <cell r="F1998">
            <v>6775</v>
          </cell>
        </row>
        <row r="1999">
          <cell r="A1999" t="str">
            <v>HSG/02009.01.18</v>
          </cell>
          <cell r="E1999">
            <v>4397.29</v>
          </cell>
          <cell r="F1999">
            <v>4397.29</v>
          </cell>
        </row>
        <row r="2000">
          <cell r="A2000" t="str">
            <v>HSG/02009.01.19</v>
          </cell>
          <cell r="E2000">
            <v>1148.24</v>
          </cell>
          <cell r="F2000">
            <v>1148.24</v>
          </cell>
        </row>
        <row r="2001">
          <cell r="A2001" t="str">
            <v>HSG/02009.01.20</v>
          </cell>
          <cell r="E2001">
            <v>545</v>
          </cell>
          <cell r="F2001">
            <v>545</v>
          </cell>
        </row>
        <row r="2002">
          <cell r="A2002" t="str">
            <v>HSG/02009.01.21</v>
          </cell>
          <cell r="E2002">
            <v>7475</v>
          </cell>
          <cell r="F2002">
            <v>7475</v>
          </cell>
        </row>
        <row r="2003">
          <cell r="A2003" t="str">
            <v>HSG/02009.01.22</v>
          </cell>
          <cell r="E2003">
            <v>1614.71</v>
          </cell>
          <cell r="F2003">
            <v>1614.71</v>
          </cell>
        </row>
        <row r="2004">
          <cell r="A2004" t="str">
            <v>HSG/02009.01.23</v>
          </cell>
          <cell r="E2004">
            <v>13599.18</v>
          </cell>
          <cell r="F2004">
            <v>13599.18</v>
          </cell>
        </row>
        <row r="2005">
          <cell r="A2005" t="str">
            <v>HSG/02009.01.24</v>
          </cell>
          <cell r="E2005">
            <v>4292.96</v>
          </cell>
          <cell r="F2005">
            <v>4292.96</v>
          </cell>
        </row>
        <row r="2006">
          <cell r="A2006" t="str">
            <v>HSG/02009.01.25</v>
          </cell>
          <cell r="E2006">
            <v>7466.21</v>
          </cell>
          <cell r="F2006">
            <v>7466.21</v>
          </cell>
        </row>
        <row r="2007">
          <cell r="A2007" t="str">
            <v>HSG/02009.01.26</v>
          </cell>
          <cell r="E2007">
            <v>22803.32</v>
          </cell>
          <cell r="F2007">
            <v>22803.32</v>
          </cell>
        </row>
        <row r="2008">
          <cell r="A2008" t="str">
            <v>HSG/02009.01.27</v>
          </cell>
          <cell r="E2008">
            <v>6900</v>
          </cell>
          <cell r="F2008">
            <v>6900</v>
          </cell>
        </row>
        <row r="2009">
          <cell r="A2009" t="str">
            <v>HSG/02009.01.28</v>
          </cell>
          <cell r="E2009">
            <v>27000</v>
          </cell>
          <cell r="F2009">
            <v>27000</v>
          </cell>
        </row>
        <row r="2010">
          <cell r="A2010" t="str">
            <v>HSG/02009.01.29</v>
          </cell>
          <cell r="E2010">
            <v>3529</v>
          </cell>
          <cell r="F2010">
            <v>3529</v>
          </cell>
        </row>
        <row r="2011">
          <cell r="A2011" t="str">
            <v>HSG/02009.01.30</v>
          </cell>
          <cell r="E2011">
            <v>4442.59</v>
          </cell>
          <cell r="F2011">
            <v>4442.59</v>
          </cell>
        </row>
        <row r="2012">
          <cell r="A2012" t="str">
            <v>HSG/02009.01.31</v>
          </cell>
          <cell r="E2012">
            <v>5329</v>
          </cell>
          <cell r="F2012">
            <v>5329</v>
          </cell>
        </row>
        <row r="2013">
          <cell r="A2013" t="str">
            <v>HSG/02009.01.32</v>
          </cell>
          <cell r="E2013">
            <v>5933</v>
          </cell>
          <cell r="F2013">
            <v>5933</v>
          </cell>
        </row>
        <row r="2014">
          <cell r="A2014" t="str">
            <v>HSG/02009.01.33</v>
          </cell>
          <cell r="E2014">
            <v>38797.5</v>
          </cell>
          <cell r="F2014">
            <v>38797.5</v>
          </cell>
        </row>
        <row r="2015">
          <cell r="A2015" t="str">
            <v>HSG/02009.01.34</v>
          </cell>
          <cell r="E2015">
            <v>6050.5</v>
          </cell>
          <cell r="F2015">
            <v>6050.5</v>
          </cell>
        </row>
        <row r="2016">
          <cell r="A2016" t="str">
            <v>HSG/02009.01.35</v>
          </cell>
          <cell r="E2016">
            <v>2230</v>
          </cell>
          <cell r="F2016">
            <v>2230</v>
          </cell>
        </row>
        <row r="2017">
          <cell r="A2017" t="str">
            <v>HSG/02009.01.36</v>
          </cell>
          <cell r="E2017">
            <v>3219.88</v>
          </cell>
          <cell r="F2017">
            <v>3219.88</v>
          </cell>
        </row>
        <row r="2018">
          <cell r="A2018" t="str">
            <v>HSG/02009.01.37</v>
          </cell>
          <cell r="E2018">
            <v>3467</v>
          </cell>
          <cell r="F2018">
            <v>3467</v>
          </cell>
        </row>
        <row r="2019">
          <cell r="A2019" t="str">
            <v>HSG/02009.01.38</v>
          </cell>
          <cell r="E2019">
            <v>9874.36</v>
          </cell>
          <cell r="F2019">
            <v>9874.36</v>
          </cell>
        </row>
        <row r="2020">
          <cell r="A2020" t="str">
            <v>HSG/02009.01.39</v>
          </cell>
          <cell r="E2020">
            <v>3272.83</v>
          </cell>
          <cell r="F2020">
            <v>3272.83</v>
          </cell>
        </row>
        <row r="2021">
          <cell r="A2021" t="str">
            <v>HSG/02009.01.40</v>
          </cell>
          <cell r="E2021">
            <v>5197.63</v>
          </cell>
          <cell r="F2021">
            <v>5197.63</v>
          </cell>
        </row>
        <row r="2022">
          <cell r="A2022" t="str">
            <v>HSG/02009.01.41</v>
          </cell>
          <cell r="E2022">
            <v>4143.07</v>
          </cell>
          <cell r="F2022">
            <v>4143.07</v>
          </cell>
        </row>
        <row r="2023">
          <cell r="A2023" t="str">
            <v>HSG/02009.01.42</v>
          </cell>
          <cell r="E2023">
            <v>2070</v>
          </cell>
          <cell r="F2023">
            <v>2070</v>
          </cell>
        </row>
        <row r="2024">
          <cell r="A2024" t="str">
            <v>HSG/02009.01.43</v>
          </cell>
          <cell r="E2024">
            <v>5524.55</v>
          </cell>
          <cell r="F2024">
            <v>5524.55</v>
          </cell>
        </row>
        <row r="2025">
          <cell r="A2025" t="str">
            <v>HSG/02009.01.44</v>
          </cell>
          <cell r="E2025">
            <v>4791.95</v>
          </cell>
          <cell r="F2025">
            <v>4791.95</v>
          </cell>
        </row>
        <row r="2026">
          <cell r="A2026" t="str">
            <v>HSG/02009.01.45</v>
          </cell>
          <cell r="E2026">
            <v>7789.15</v>
          </cell>
          <cell r="F2026">
            <v>7789.15</v>
          </cell>
        </row>
        <row r="2027">
          <cell r="A2027" t="str">
            <v>HSG/02009.01.46</v>
          </cell>
          <cell r="E2027">
            <v>2138.6</v>
          </cell>
          <cell r="F2027">
            <v>2138.6</v>
          </cell>
        </row>
        <row r="2028">
          <cell r="A2028" t="str">
            <v>HSG/02009.01.47</v>
          </cell>
          <cell r="E2028">
            <v>30000</v>
          </cell>
          <cell r="F2028">
            <v>30000</v>
          </cell>
        </row>
        <row r="2029">
          <cell r="A2029" t="str">
            <v>HSG/02009.01.48</v>
          </cell>
          <cell r="E2029">
            <v>2076</v>
          </cell>
          <cell r="F2029">
            <v>2076</v>
          </cell>
        </row>
        <row r="2030">
          <cell r="A2030" t="str">
            <v>HSG/02009.01.49</v>
          </cell>
          <cell r="E2030">
            <v>16679.23</v>
          </cell>
          <cell r="F2030">
            <v>16679.23</v>
          </cell>
        </row>
        <row r="2031">
          <cell r="A2031" t="str">
            <v>HSG/02009.01.50</v>
          </cell>
          <cell r="E2031">
            <v>2645</v>
          </cell>
          <cell r="F2031">
            <v>2645</v>
          </cell>
        </row>
        <row r="2032">
          <cell r="A2032" t="str">
            <v>HSG/02009.01.51</v>
          </cell>
          <cell r="E2032">
            <v>6032.88</v>
          </cell>
          <cell r="F2032">
            <v>6032.88</v>
          </cell>
        </row>
        <row r="2033">
          <cell r="A2033" t="str">
            <v>HSG/02009.01.52</v>
          </cell>
          <cell r="E2033">
            <v>5161.71</v>
          </cell>
          <cell r="F2033">
            <v>5161.71</v>
          </cell>
        </row>
        <row r="2034">
          <cell r="A2034" t="str">
            <v>HSG/02009.01.53</v>
          </cell>
          <cell r="E2034">
            <v>3082.31</v>
          </cell>
          <cell r="F2034">
            <v>3082.31</v>
          </cell>
        </row>
        <row r="2035">
          <cell r="A2035" t="str">
            <v>HSG/02009.01.54</v>
          </cell>
          <cell r="E2035">
            <v>9563</v>
          </cell>
          <cell r="F2035">
            <v>9563</v>
          </cell>
        </row>
        <row r="2036">
          <cell r="A2036" t="str">
            <v>HSG/02009.01.55</v>
          </cell>
          <cell r="E2036">
            <v>5584.24</v>
          </cell>
          <cell r="F2036">
            <v>5584.24</v>
          </cell>
        </row>
        <row r="2037">
          <cell r="A2037" t="str">
            <v>HSG/02009.01.56</v>
          </cell>
          <cell r="E2037">
            <v>1950</v>
          </cell>
          <cell r="F2037">
            <v>1950</v>
          </cell>
        </row>
        <row r="2038">
          <cell r="A2038" t="str">
            <v>HSG/02009.01.57</v>
          </cell>
          <cell r="E2038">
            <v>3729</v>
          </cell>
          <cell r="F2038">
            <v>3729</v>
          </cell>
        </row>
        <row r="2039">
          <cell r="A2039" t="str">
            <v>HSG/02009.01.58</v>
          </cell>
          <cell r="E2039">
            <v>4135.29</v>
          </cell>
          <cell r="F2039">
            <v>4135.29</v>
          </cell>
        </row>
        <row r="2040">
          <cell r="A2040" t="str">
            <v>HSG/02009.01.59</v>
          </cell>
          <cell r="E2040">
            <v>30000</v>
          </cell>
          <cell r="F2040">
            <v>30000</v>
          </cell>
        </row>
        <row r="2041">
          <cell r="A2041" t="str">
            <v>HSG/02009.01.60</v>
          </cell>
          <cell r="E2041">
            <v>1699</v>
          </cell>
          <cell r="F2041">
            <v>1699</v>
          </cell>
        </row>
        <row r="2042">
          <cell r="A2042" t="str">
            <v>HSG/02009.01.61</v>
          </cell>
          <cell r="E2042">
            <v>5247</v>
          </cell>
          <cell r="F2042">
            <v>5247</v>
          </cell>
        </row>
        <row r="2043">
          <cell r="A2043" t="str">
            <v>HSG/02009.01.62</v>
          </cell>
          <cell r="E2043">
            <v>2588.35</v>
          </cell>
          <cell r="F2043">
            <v>2588.35</v>
          </cell>
        </row>
        <row r="2044">
          <cell r="A2044" t="str">
            <v>HSG/02009.01.63</v>
          </cell>
          <cell r="E2044">
            <v>8588.58</v>
          </cell>
          <cell r="F2044">
            <v>8588.58</v>
          </cell>
        </row>
        <row r="2045">
          <cell r="A2045" t="str">
            <v>HSG/02009.01.64</v>
          </cell>
          <cell r="E2045">
            <v>7427.95</v>
          </cell>
          <cell r="F2045">
            <v>7427.95</v>
          </cell>
        </row>
        <row r="2046">
          <cell r="A2046" t="str">
            <v>HSG/02009.01.65</v>
          </cell>
          <cell r="E2046">
            <v>30000</v>
          </cell>
          <cell r="F2046">
            <v>30000</v>
          </cell>
        </row>
        <row r="2047">
          <cell r="A2047" t="str">
            <v>HSG/02009.01.66</v>
          </cell>
          <cell r="E2047">
            <v>2384</v>
          </cell>
          <cell r="F2047">
            <v>2384</v>
          </cell>
        </row>
        <row r="2048">
          <cell r="A2048" t="str">
            <v>HSG/02009.01.67</v>
          </cell>
          <cell r="E2048">
            <v>5580</v>
          </cell>
          <cell r="F2048">
            <v>5580</v>
          </cell>
        </row>
        <row r="2049">
          <cell r="A2049" t="str">
            <v>HSG/02009.01.68</v>
          </cell>
          <cell r="E2049">
            <v>9250</v>
          </cell>
          <cell r="F2049">
            <v>9250</v>
          </cell>
        </row>
        <row r="2050">
          <cell r="A2050" t="str">
            <v>HSG/02009.01.69</v>
          </cell>
          <cell r="E2050">
            <v>9594</v>
          </cell>
          <cell r="F2050">
            <v>9594</v>
          </cell>
        </row>
        <row r="2051">
          <cell r="A2051" t="str">
            <v>HSG/02009.01.70</v>
          </cell>
          <cell r="E2051">
            <v>2986</v>
          </cell>
          <cell r="F2051">
            <v>2986</v>
          </cell>
        </row>
        <row r="2052">
          <cell r="A2052" t="str">
            <v>HSG/02009.01.71</v>
          </cell>
          <cell r="E2052">
            <v>27198.69</v>
          </cell>
          <cell r="F2052">
            <v>27198.69</v>
          </cell>
        </row>
        <row r="2053">
          <cell r="A2053" t="str">
            <v>HSG/02009.01.72</v>
          </cell>
          <cell r="E2053">
            <v>16625</v>
          </cell>
          <cell r="F2053">
            <v>16625</v>
          </cell>
        </row>
        <row r="2054">
          <cell r="A2054" t="str">
            <v>HSG/02009.01.74</v>
          </cell>
          <cell r="E2054">
            <v>6049.32</v>
          </cell>
          <cell r="F2054">
            <v>6049.32</v>
          </cell>
        </row>
        <row r="2055">
          <cell r="A2055" t="str">
            <v>HSG/02009.01.75</v>
          </cell>
          <cell r="E2055">
            <v>2290.8000000000002</v>
          </cell>
          <cell r="F2055">
            <v>2290.8000000000002</v>
          </cell>
        </row>
        <row r="2056">
          <cell r="A2056" t="str">
            <v>HSG/02009.01.76</v>
          </cell>
          <cell r="E2056">
            <v>4918</v>
          </cell>
          <cell r="F2056">
            <v>4918</v>
          </cell>
        </row>
        <row r="2057">
          <cell r="A2057" t="str">
            <v>HSG/02009.01.77</v>
          </cell>
          <cell r="E2057">
            <v>5348</v>
          </cell>
          <cell r="F2057">
            <v>5348</v>
          </cell>
        </row>
        <row r="2058">
          <cell r="A2058" t="str">
            <v>HSG/02009.01.78</v>
          </cell>
          <cell r="E2058">
            <v>1723</v>
          </cell>
          <cell r="F2058">
            <v>1723</v>
          </cell>
        </row>
        <row r="2059">
          <cell r="A2059" t="str">
            <v>HSG/02009.01.79</v>
          </cell>
          <cell r="E2059">
            <v>4843</v>
          </cell>
          <cell r="F2059">
            <v>4843</v>
          </cell>
        </row>
        <row r="2060">
          <cell r="A2060" t="str">
            <v>HSG/02009.01.80</v>
          </cell>
          <cell r="E2060">
            <v>2389</v>
          </cell>
          <cell r="F2060">
            <v>2389</v>
          </cell>
        </row>
        <row r="2061">
          <cell r="A2061" t="str">
            <v>HSG/02009.01.81</v>
          </cell>
          <cell r="E2061">
            <v>5871.5</v>
          </cell>
          <cell r="F2061">
            <v>5871.5</v>
          </cell>
        </row>
        <row r="2062">
          <cell r="A2062" t="str">
            <v>HSG/02009.01.82</v>
          </cell>
          <cell r="E2062">
            <v>4680</v>
          </cell>
          <cell r="F2062">
            <v>4680</v>
          </cell>
        </row>
        <row r="2063">
          <cell r="A2063" t="str">
            <v>HSG/02009.01.83</v>
          </cell>
          <cell r="E2063">
            <v>4380</v>
          </cell>
          <cell r="F2063">
            <v>4380</v>
          </cell>
        </row>
        <row r="2064">
          <cell r="A2064" t="str">
            <v>HSG/02009.01.85</v>
          </cell>
          <cell r="E2064">
            <v>9690</v>
          </cell>
          <cell r="F2064">
            <v>9690</v>
          </cell>
        </row>
        <row r="2065">
          <cell r="A2065" t="str">
            <v>HSG/02009.01.86</v>
          </cell>
          <cell r="E2065">
            <v>4798</v>
          </cell>
          <cell r="F2065">
            <v>4798</v>
          </cell>
        </row>
        <row r="2066">
          <cell r="A2066" t="str">
            <v>HSG/02009.01.87</v>
          </cell>
          <cell r="E2066">
            <v>8553</v>
          </cell>
          <cell r="F2066">
            <v>8553</v>
          </cell>
        </row>
        <row r="2067">
          <cell r="A2067" t="str">
            <v>HSG/02009.01.88</v>
          </cell>
          <cell r="E2067">
            <v>14000</v>
          </cell>
          <cell r="F2067">
            <v>14000</v>
          </cell>
        </row>
        <row r="2068">
          <cell r="A2068" t="str">
            <v>HSG/02009.01.89</v>
          </cell>
          <cell r="E2068">
            <v>3959</v>
          </cell>
          <cell r="F2068">
            <v>3959</v>
          </cell>
        </row>
        <row r="2069">
          <cell r="A2069" t="str">
            <v>HSG/02009.01.90</v>
          </cell>
          <cell r="E2069">
            <v>4218.49</v>
          </cell>
          <cell r="F2069">
            <v>4218.49</v>
          </cell>
        </row>
        <row r="2070">
          <cell r="A2070" t="str">
            <v>HSG/02009.01.91</v>
          </cell>
          <cell r="E2070">
            <v>3644</v>
          </cell>
          <cell r="F2070">
            <v>3644</v>
          </cell>
        </row>
        <row r="2071">
          <cell r="A2071" t="str">
            <v>HSG/02009.01.92</v>
          </cell>
          <cell r="E2071">
            <v>17045.3</v>
          </cell>
          <cell r="F2071">
            <v>17045.3</v>
          </cell>
        </row>
        <row r="2072">
          <cell r="A2072" t="str">
            <v>HSG/02009.01.95</v>
          </cell>
          <cell r="E2072">
            <v>5772.04</v>
          </cell>
          <cell r="F2072">
            <v>5772.04</v>
          </cell>
        </row>
        <row r="2073">
          <cell r="A2073" t="str">
            <v>HSG/02009.01.96</v>
          </cell>
          <cell r="E2073">
            <v>5007</v>
          </cell>
          <cell r="F2073">
            <v>5007</v>
          </cell>
        </row>
        <row r="2074">
          <cell r="A2074" t="str">
            <v>HSG/02009.01.97</v>
          </cell>
          <cell r="E2074">
            <v>11274.01</v>
          </cell>
          <cell r="F2074">
            <v>11274.01</v>
          </cell>
        </row>
        <row r="2075">
          <cell r="A2075" t="str">
            <v>HSG/02009.01.98</v>
          </cell>
          <cell r="E2075">
            <v>1107.79</v>
          </cell>
          <cell r="F2075">
            <v>1107.79</v>
          </cell>
        </row>
        <row r="2076">
          <cell r="A2076" t="str">
            <v>HSG/02009.01.99</v>
          </cell>
          <cell r="E2076">
            <v>56750</v>
          </cell>
          <cell r="F2076">
            <v>56750</v>
          </cell>
        </row>
        <row r="2077">
          <cell r="A2077" t="str">
            <v>HSG/02009.02.01</v>
          </cell>
          <cell r="E2077">
            <v>20000</v>
          </cell>
          <cell r="F2077">
            <v>20000</v>
          </cell>
        </row>
        <row r="2078">
          <cell r="A2078" t="str">
            <v>HSG/02009.02.02</v>
          </cell>
          <cell r="E2078">
            <v>17940.77</v>
          </cell>
          <cell r="F2078">
            <v>17940.77</v>
          </cell>
        </row>
        <row r="2079">
          <cell r="A2079" t="str">
            <v>HSG/02009.02.03</v>
          </cell>
          <cell r="E2079">
            <v>12189.38</v>
          </cell>
          <cell r="F2079">
            <v>12189.38</v>
          </cell>
        </row>
        <row r="2080">
          <cell r="A2080" t="str">
            <v>HSG/02009.02.05</v>
          </cell>
          <cell r="E2080">
            <v>7573.51</v>
          </cell>
          <cell r="F2080">
            <v>7573.51</v>
          </cell>
        </row>
        <row r="2081">
          <cell r="A2081" t="str">
            <v>HSG/02009.02.06</v>
          </cell>
          <cell r="E2081">
            <v>12028.94</v>
          </cell>
          <cell r="F2081">
            <v>12028.94</v>
          </cell>
        </row>
        <row r="2082">
          <cell r="A2082" t="str">
            <v>HSG/02009.02.07</v>
          </cell>
          <cell r="E2082">
            <v>12500</v>
          </cell>
          <cell r="F2082">
            <v>12500</v>
          </cell>
        </row>
        <row r="2083">
          <cell r="A2083" t="str">
            <v>HSG/02009.02.08</v>
          </cell>
          <cell r="E2083">
            <v>5557</v>
          </cell>
          <cell r="F2083">
            <v>5557</v>
          </cell>
        </row>
        <row r="2084">
          <cell r="A2084" t="str">
            <v>HSG/02009.03.01</v>
          </cell>
          <cell r="E2084">
            <v>27055</v>
          </cell>
          <cell r="F2084">
            <v>27055</v>
          </cell>
        </row>
        <row r="2085">
          <cell r="A2085" t="str">
            <v>HSG/02009.03.02</v>
          </cell>
          <cell r="E2085">
            <v>8681</v>
          </cell>
          <cell r="F2085">
            <v>8681</v>
          </cell>
        </row>
        <row r="2086">
          <cell r="A2086" t="str">
            <v>HSG/02009.03.03</v>
          </cell>
          <cell r="E2086">
            <v>6067.37</v>
          </cell>
          <cell r="F2086">
            <v>6067.37</v>
          </cell>
        </row>
        <row r="2087">
          <cell r="A2087" t="str">
            <v>HSG/02009.03.04</v>
          </cell>
          <cell r="E2087">
            <v>5926</v>
          </cell>
          <cell r="F2087">
            <v>5926</v>
          </cell>
        </row>
        <row r="2088">
          <cell r="A2088" t="str">
            <v>HSG/02009.03.05</v>
          </cell>
          <cell r="E2088">
            <v>5182</v>
          </cell>
          <cell r="F2088">
            <v>5182</v>
          </cell>
        </row>
        <row r="2089">
          <cell r="A2089" t="str">
            <v>HSG/02009.03.06</v>
          </cell>
          <cell r="E2089">
            <v>2590</v>
          </cell>
          <cell r="F2089">
            <v>2590</v>
          </cell>
        </row>
        <row r="2090">
          <cell r="A2090" t="str">
            <v>HSG/02009.03.07</v>
          </cell>
          <cell r="E2090">
            <v>7599.55</v>
          </cell>
          <cell r="F2090">
            <v>7599.55</v>
          </cell>
        </row>
        <row r="2091">
          <cell r="A2091" t="str">
            <v>HSG/02009.03.08</v>
          </cell>
          <cell r="E2091">
            <v>4893</v>
          </cell>
          <cell r="F2091">
            <v>4893</v>
          </cell>
        </row>
        <row r="2092">
          <cell r="A2092" t="str">
            <v>HSG/02009.03.09</v>
          </cell>
          <cell r="E2092">
            <v>6645.2</v>
          </cell>
          <cell r="F2092">
            <v>6645.2</v>
          </cell>
        </row>
        <row r="2093">
          <cell r="A2093" t="str">
            <v>HSG/02009.03.10</v>
          </cell>
          <cell r="E2093">
            <v>9303</v>
          </cell>
          <cell r="F2093">
            <v>9303</v>
          </cell>
        </row>
        <row r="2094">
          <cell r="A2094" t="str">
            <v>HSG/02009.03.11</v>
          </cell>
          <cell r="E2094">
            <v>5458</v>
          </cell>
          <cell r="F2094">
            <v>5458</v>
          </cell>
        </row>
        <row r="2095">
          <cell r="A2095" t="str">
            <v>HSG/02009.03.12</v>
          </cell>
          <cell r="E2095">
            <v>6501</v>
          </cell>
          <cell r="F2095">
            <v>6501</v>
          </cell>
        </row>
        <row r="2096">
          <cell r="A2096" t="str">
            <v>HSG/02009.03.13</v>
          </cell>
          <cell r="E2096">
            <v>12195</v>
          </cell>
          <cell r="F2096">
            <v>12195</v>
          </cell>
        </row>
        <row r="2097">
          <cell r="A2097" t="str">
            <v>HSG/02009.03.15</v>
          </cell>
          <cell r="E2097">
            <v>6848.06</v>
          </cell>
          <cell r="F2097">
            <v>6848.06</v>
          </cell>
        </row>
        <row r="2098">
          <cell r="A2098" t="str">
            <v>HSG/02009.03.16</v>
          </cell>
          <cell r="E2098">
            <v>3845.6</v>
          </cell>
          <cell r="F2098">
            <v>3845.6</v>
          </cell>
        </row>
        <row r="2099">
          <cell r="A2099" t="str">
            <v>HSG/02009.03.17</v>
          </cell>
          <cell r="E2099">
            <v>3845.6</v>
          </cell>
          <cell r="F2099">
            <v>3845.6</v>
          </cell>
        </row>
        <row r="2100">
          <cell r="A2100" t="str">
            <v>HSG/02009.03.18</v>
          </cell>
          <cell r="E2100">
            <v>21451.72</v>
          </cell>
          <cell r="F2100">
            <v>21451.72</v>
          </cell>
        </row>
        <row r="2101">
          <cell r="A2101" t="str">
            <v>HSG/02009.03.19</v>
          </cell>
          <cell r="E2101">
            <v>485</v>
          </cell>
          <cell r="F2101">
            <v>485</v>
          </cell>
        </row>
        <row r="2102">
          <cell r="A2102" t="str">
            <v>HSG/02009.03.20</v>
          </cell>
          <cell r="E2102">
            <v>4854.75</v>
          </cell>
          <cell r="F2102">
            <v>4854.75</v>
          </cell>
        </row>
        <row r="2103">
          <cell r="A2103" t="str">
            <v>HSG/02009.03.21</v>
          </cell>
          <cell r="E2103">
            <v>5076</v>
          </cell>
          <cell r="F2103">
            <v>5076</v>
          </cell>
        </row>
        <row r="2104">
          <cell r="A2104" t="str">
            <v>HSG/02009.03.22</v>
          </cell>
          <cell r="E2104">
            <v>5696</v>
          </cell>
          <cell r="F2104">
            <v>5696</v>
          </cell>
        </row>
        <row r="2105">
          <cell r="A2105" t="str">
            <v>HSG/02009.03.23</v>
          </cell>
          <cell r="E2105">
            <v>24549.439999999999</v>
          </cell>
          <cell r="F2105">
            <v>24549.439999999999</v>
          </cell>
        </row>
        <row r="2106">
          <cell r="A2106" t="str">
            <v>HSG/02009.03.25</v>
          </cell>
          <cell r="E2106">
            <v>23330</v>
          </cell>
          <cell r="F2106">
            <v>23330</v>
          </cell>
        </row>
        <row r="2107">
          <cell r="A2107" t="str">
            <v>HSG/02009.03.26</v>
          </cell>
          <cell r="E2107">
            <v>23049.68</v>
          </cell>
          <cell r="F2107">
            <v>23049.68</v>
          </cell>
        </row>
        <row r="2108">
          <cell r="A2108" t="str">
            <v>HSG/02009.03.27</v>
          </cell>
          <cell r="E2108">
            <v>4594</v>
          </cell>
          <cell r="F2108">
            <v>4594</v>
          </cell>
        </row>
        <row r="2109">
          <cell r="A2109" t="str">
            <v>HSG/02009.03.28</v>
          </cell>
          <cell r="E2109">
            <v>7150</v>
          </cell>
          <cell r="F2109">
            <v>7150</v>
          </cell>
        </row>
        <row r="2110">
          <cell r="A2110" t="str">
            <v>HSG/02009.03.30</v>
          </cell>
          <cell r="E2110">
            <v>4582</v>
          </cell>
          <cell r="F2110">
            <v>4582</v>
          </cell>
        </row>
        <row r="2111">
          <cell r="A2111" t="str">
            <v>HSG/02009.03.31</v>
          </cell>
          <cell r="E2111">
            <v>6836</v>
          </cell>
          <cell r="F2111">
            <v>6836</v>
          </cell>
        </row>
        <row r="2112">
          <cell r="A2112" t="str">
            <v>HSG/02009.03.32</v>
          </cell>
          <cell r="E2112">
            <v>4793</v>
          </cell>
          <cell r="F2112">
            <v>4793</v>
          </cell>
        </row>
        <row r="2113">
          <cell r="A2113" t="str">
            <v>HSG/02009.03.33</v>
          </cell>
          <cell r="E2113">
            <v>200</v>
          </cell>
          <cell r="F2113">
            <v>200</v>
          </cell>
        </row>
        <row r="2114">
          <cell r="A2114" t="str">
            <v>HSG/02009.03.34</v>
          </cell>
          <cell r="E2114">
            <v>9786.5</v>
          </cell>
          <cell r="F2114">
            <v>9786.5</v>
          </cell>
        </row>
        <row r="2115">
          <cell r="A2115" t="str">
            <v>HSG/02009.03.35</v>
          </cell>
          <cell r="E2115">
            <v>8540</v>
          </cell>
          <cell r="F2115">
            <v>8540</v>
          </cell>
        </row>
        <row r="2116">
          <cell r="A2116" t="str">
            <v>HSG/02009.03.36</v>
          </cell>
          <cell r="E2116">
            <v>6512</v>
          </cell>
          <cell r="F2116">
            <v>6512</v>
          </cell>
        </row>
        <row r="2117">
          <cell r="A2117" t="str">
            <v>HSG/02009.03.37</v>
          </cell>
          <cell r="E2117">
            <v>1396</v>
          </cell>
          <cell r="F2117">
            <v>1396</v>
          </cell>
        </row>
        <row r="2118">
          <cell r="A2118" t="str">
            <v>HSG/02009.03.38</v>
          </cell>
          <cell r="E2118">
            <v>6236</v>
          </cell>
          <cell r="F2118">
            <v>6236</v>
          </cell>
        </row>
        <row r="2119">
          <cell r="A2119" t="str">
            <v>HSG/02009.03.39</v>
          </cell>
          <cell r="E2119">
            <v>12706.17</v>
          </cell>
          <cell r="F2119">
            <v>12706.17</v>
          </cell>
        </row>
        <row r="2120">
          <cell r="A2120" t="str">
            <v>HSG/02009.03.40</v>
          </cell>
          <cell r="E2120">
            <v>5217</v>
          </cell>
          <cell r="F2120">
            <v>5217</v>
          </cell>
        </row>
        <row r="2121">
          <cell r="A2121" t="str">
            <v>HSG/02009.03.41</v>
          </cell>
          <cell r="E2121">
            <v>6865</v>
          </cell>
          <cell r="F2121">
            <v>6865</v>
          </cell>
        </row>
        <row r="2122">
          <cell r="A2122" t="str">
            <v>HSG/02009.03.42</v>
          </cell>
          <cell r="E2122">
            <v>453.3</v>
          </cell>
          <cell r="F2122">
            <v>453.3</v>
          </cell>
        </row>
        <row r="2123">
          <cell r="A2123" t="str">
            <v>HSG/02009.03.43</v>
          </cell>
          <cell r="E2123">
            <v>4092</v>
          </cell>
          <cell r="F2123">
            <v>4092</v>
          </cell>
        </row>
        <row r="2124">
          <cell r="A2124" t="str">
            <v>HSG/02009.03.44</v>
          </cell>
          <cell r="E2124">
            <v>6795</v>
          </cell>
          <cell r="F2124">
            <v>6795</v>
          </cell>
        </row>
        <row r="2125">
          <cell r="A2125" t="str">
            <v>HSG/02009.03.46</v>
          </cell>
          <cell r="E2125">
            <v>815.74</v>
          </cell>
          <cell r="F2125">
            <v>815.74</v>
          </cell>
        </row>
        <row r="2126">
          <cell r="A2126" t="str">
            <v>HSG/02009.03.47</v>
          </cell>
          <cell r="E2126">
            <v>5100</v>
          </cell>
          <cell r="F2126">
            <v>5100</v>
          </cell>
        </row>
        <row r="2127">
          <cell r="A2127" t="str">
            <v>HSG/02009.03.48</v>
          </cell>
          <cell r="E2127">
            <v>4566</v>
          </cell>
          <cell r="F2127">
            <v>4566</v>
          </cell>
        </row>
        <row r="2128">
          <cell r="A2128" t="str">
            <v>HSG/02009.03.50</v>
          </cell>
          <cell r="E2128">
            <v>9500</v>
          </cell>
          <cell r="F2128">
            <v>9500</v>
          </cell>
        </row>
        <row r="2129">
          <cell r="A2129" t="str">
            <v>HSG/02009.03.52</v>
          </cell>
          <cell r="E2129">
            <v>7040</v>
          </cell>
          <cell r="F2129">
            <v>7040</v>
          </cell>
        </row>
        <row r="2130">
          <cell r="A2130" t="str">
            <v>HSG/10001.01.01</v>
          </cell>
          <cell r="B2130">
            <v>1623551.83</v>
          </cell>
          <cell r="C2130">
            <v>139282.35</v>
          </cell>
          <cell r="D2130">
            <v>768.08999999999651</v>
          </cell>
          <cell r="E2130">
            <v>21376</v>
          </cell>
          <cell r="F2130">
            <v>1784978.27</v>
          </cell>
        </row>
        <row r="2131">
          <cell r="A2131" t="str">
            <v>HSG/10002.01.01</v>
          </cell>
          <cell r="B2131">
            <v>3849971.21</v>
          </cell>
          <cell r="C2131">
            <v>512074.23999999999</v>
          </cell>
          <cell r="D2131">
            <v>102406.07</v>
          </cell>
          <cell r="E2131">
            <v>-7318.51</v>
          </cell>
          <cell r="F2131">
            <v>4457133.01</v>
          </cell>
        </row>
        <row r="2132">
          <cell r="A2132" t="str">
            <v>HSG/10003.01.01</v>
          </cell>
          <cell r="B2132">
            <v>5447406.71</v>
          </cell>
          <cell r="C2132">
            <v>1216252.58</v>
          </cell>
          <cell r="D2132">
            <v>67215.62</v>
          </cell>
          <cell r="E2132">
            <v>-29086.36</v>
          </cell>
          <cell r="F2132">
            <v>6701788.5499999998</v>
          </cell>
        </row>
        <row r="2133">
          <cell r="A2133" t="str">
            <v>HSG/10004.01.01</v>
          </cell>
          <cell r="B2133">
            <v>12661.6</v>
          </cell>
          <cell r="F2133">
            <v>12661.6</v>
          </cell>
        </row>
        <row r="2134">
          <cell r="A2134" t="str">
            <v>HSG/10005.01.01</v>
          </cell>
          <cell r="B2134">
            <v>1266089.6499999999</v>
          </cell>
          <cell r="C2134">
            <v>582772.16</v>
          </cell>
          <cell r="D2134">
            <v>1225356.94</v>
          </cell>
          <cell r="E2134">
            <v>1907158.3</v>
          </cell>
          <cell r="F2134">
            <v>4981377.05</v>
          </cell>
        </row>
        <row r="2135">
          <cell r="A2135" t="str">
            <v>HSG/10006.01.01</v>
          </cell>
          <cell r="B2135">
            <v>2990083.69</v>
          </cell>
          <cell r="C2135">
            <v>2203190.4300000002</v>
          </cell>
          <cell r="D2135">
            <v>1425862.95</v>
          </cell>
          <cell r="E2135">
            <v>1807812.93</v>
          </cell>
          <cell r="F2135">
            <v>8426950</v>
          </cell>
        </row>
        <row r="2136">
          <cell r="A2136" t="str">
            <v>HSG/10007.01.01</v>
          </cell>
          <cell r="B2136">
            <v>515897.77</v>
          </cell>
          <cell r="C2136">
            <v>360586.42</v>
          </cell>
          <cell r="D2136">
            <v>192195.66</v>
          </cell>
          <cell r="E2136">
            <v>1980408</v>
          </cell>
          <cell r="F2136">
            <v>3049087.85</v>
          </cell>
        </row>
        <row r="2137">
          <cell r="A2137" t="str">
            <v>HSG/10008.01.01</v>
          </cell>
          <cell r="B2137">
            <v>45765.35</v>
          </cell>
          <cell r="C2137">
            <v>35381.760000000002</v>
          </cell>
          <cell r="D2137">
            <v>327102.58</v>
          </cell>
          <cell r="E2137">
            <v>81367</v>
          </cell>
          <cell r="F2137">
            <v>489616.69</v>
          </cell>
        </row>
        <row r="2138">
          <cell r="A2138" t="str">
            <v>HSG/10009.01.01</v>
          </cell>
          <cell r="B2138">
            <v>3194519.64</v>
          </cell>
          <cell r="C2138">
            <v>7039313.9100000001</v>
          </cell>
          <cell r="D2138">
            <v>10003085.359999999</v>
          </cell>
          <cell r="E2138">
            <v>11777645</v>
          </cell>
          <cell r="F2138">
            <v>32014563.91</v>
          </cell>
        </row>
        <row r="2139">
          <cell r="A2139" t="str">
            <v>HSG/10010.01.01</v>
          </cell>
          <cell r="B2139">
            <v>1710321.06</v>
          </cell>
          <cell r="C2139">
            <v>3387505.71</v>
          </cell>
          <cell r="D2139">
            <v>6600690.4399999995</v>
          </cell>
          <cell r="E2139">
            <v>-8676</v>
          </cell>
          <cell r="F2139">
            <v>11689841.209999999</v>
          </cell>
        </row>
        <row r="2140">
          <cell r="A2140" t="str">
            <v>HSG/10011.01.01</v>
          </cell>
          <cell r="B2140">
            <v>3588658.91</v>
          </cell>
          <cell r="C2140">
            <v>7986535.9299999997</v>
          </cell>
          <cell r="D2140">
            <v>13977645.859999999</v>
          </cell>
          <cell r="E2140">
            <v>10188647</v>
          </cell>
          <cell r="F2140">
            <v>35741487.700000003</v>
          </cell>
        </row>
        <row r="2141">
          <cell r="A2141" t="str">
            <v>HSG/10012.01.01</v>
          </cell>
          <cell r="B2141">
            <v>1243296.51</v>
          </cell>
          <cell r="C2141">
            <v>2121367.39</v>
          </cell>
          <cell r="D2141">
            <v>2429939.75</v>
          </cell>
          <cell r="E2141">
            <v>2397708</v>
          </cell>
          <cell r="F2141">
            <v>8192311.6500000004</v>
          </cell>
        </row>
        <row r="2142">
          <cell r="A2142" t="str">
            <v>HSG/10013.01.01</v>
          </cell>
          <cell r="B2142">
            <v>87291.8</v>
          </cell>
          <cell r="C2142">
            <v>1557</v>
          </cell>
          <cell r="D2142">
            <v>135.1</v>
          </cell>
          <cell r="E2142">
            <v>783</v>
          </cell>
          <cell r="F2142">
            <v>89766.9</v>
          </cell>
        </row>
        <row r="2143">
          <cell r="A2143" t="str">
            <v>HSG/10014.01.01</v>
          </cell>
          <cell r="B2143">
            <v>131493.85</v>
          </cell>
          <cell r="C2143">
            <v>3437.88</v>
          </cell>
          <cell r="D2143">
            <v>22687.55</v>
          </cell>
          <cell r="F2143">
            <v>157619.28</v>
          </cell>
        </row>
        <row r="2144">
          <cell r="A2144" t="str">
            <v>HSG/10015.01.01</v>
          </cell>
          <cell r="B2144">
            <v>119132.81</v>
          </cell>
          <cell r="C2144">
            <v>0.43</v>
          </cell>
          <cell r="D2144">
            <v>7126.1</v>
          </cell>
          <cell r="F2144">
            <v>126259.34</v>
          </cell>
        </row>
        <row r="2145">
          <cell r="A2145" t="str">
            <v>HSG/10016.01.01</v>
          </cell>
          <cell r="B2145">
            <v>6195.99</v>
          </cell>
          <cell r="F2145">
            <v>6195.99</v>
          </cell>
        </row>
        <row r="2146">
          <cell r="A2146" t="str">
            <v>ITY/00001.01.01</v>
          </cell>
          <cell r="E2146">
            <v>0</v>
          </cell>
          <cell r="F2146">
            <v>0</v>
          </cell>
        </row>
        <row r="2147">
          <cell r="A2147" t="str">
            <v>ITY/00001.02.01</v>
          </cell>
          <cell r="C2147">
            <v>1800</v>
          </cell>
          <cell r="F2147">
            <v>1800</v>
          </cell>
        </row>
        <row r="2148">
          <cell r="A2148" t="str">
            <v>ITY/00001.03.01</v>
          </cell>
          <cell r="B2148">
            <v>167602.25</v>
          </cell>
          <cell r="C2148">
            <v>126318.92</v>
          </cell>
          <cell r="F2148">
            <v>293921.17</v>
          </cell>
        </row>
        <row r="2149">
          <cell r="A2149" t="str">
            <v>ITY/00001.04.01</v>
          </cell>
          <cell r="D2149">
            <v>636163.43000000005</v>
          </cell>
          <cell r="E2149">
            <v>1272377.57</v>
          </cell>
          <cell r="F2149">
            <v>1908541</v>
          </cell>
        </row>
        <row r="2150">
          <cell r="A2150" t="str">
            <v>ITY/00002.01.01</v>
          </cell>
          <cell r="B2150">
            <v>60847.389999999694</v>
          </cell>
          <cell r="C2150">
            <v>0</v>
          </cell>
          <cell r="F2150">
            <v>60847.389999999694</v>
          </cell>
        </row>
        <row r="2151">
          <cell r="A2151" t="str">
            <v>ITY/00003.01.01</v>
          </cell>
          <cell r="B2151">
            <v>6994</v>
          </cell>
          <cell r="C2151">
            <v>135393.73000000001</v>
          </cell>
          <cell r="F2151">
            <v>142387.73000000001</v>
          </cell>
        </row>
        <row r="2152">
          <cell r="A2152" t="str">
            <v>ITY/00003.02.01</v>
          </cell>
          <cell r="B2152">
            <v>500</v>
          </cell>
          <cell r="F2152">
            <v>500</v>
          </cell>
        </row>
        <row r="2153">
          <cell r="A2153" t="str">
            <v>ITY/00003.03.01</v>
          </cell>
          <cell r="B2153">
            <v>2717044</v>
          </cell>
          <cell r="C2153">
            <v>1319444.46</v>
          </cell>
          <cell r="D2153">
            <v>338556.85</v>
          </cell>
          <cell r="E2153">
            <v>-34504.76</v>
          </cell>
          <cell r="F2153">
            <v>4340540.55</v>
          </cell>
        </row>
        <row r="2154">
          <cell r="A2154" t="str">
            <v>ITY/00003.04.01</v>
          </cell>
          <cell r="C2154">
            <v>15110.34</v>
          </cell>
          <cell r="D2154">
            <v>58360</v>
          </cell>
          <cell r="F2154">
            <v>73470.34</v>
          </cell>
        </row>
        <row r="2155">
          <cell r="A2155" t="str">
            <v>ITY/00004.01.01</v>
          </cell>
          <cell r="B2155">
            <v>2698819.58</v>
          </cell>
          <cell r="C2155">
            <v>1300098.76</v>
          </cell>
          <cell r="E2155">
            <v>0</v>
          </cell>
          <cell r="F2155">
            <v>3998918.34</v>
          </cell>
        </row>
        <row r="2156">
          <cell r="A2156" t="str">
            <v>ITY/00004.02.01</v>
          </cell>
          <cell r="B2156">
            <v>151997.39000000001</v>
          </cell>
          <cell r="C2156">
            <v>7550</v>
          </cell>
          <cell r="E2156">
            <v>0</v>
          </cell>
          <cell r="F2156">
            <v>159547.39000000001</v>
          </cell>
        </row>
        <row r="2157">
          <cell r="A2157" t="str">
            <v>ITY/00004.03.01</v>
          </cell>
          <cell r="B2157">
            <v>80303.02</v>
          </cell>
          <cell r="F2157">
            <v>80303.02</v>
          </cell>
        </row>
        <row r="2158">
          <cell r="A2158" t="str">
            <v>ITY/00004.04.01</v>
          </cell>
          <cell r="B2158">
            <v>1535504.5</v>
          </cell>
          <cell r="E2158">
            <v>3.5527136788005009E-15</v>
          </cell>
          <cell r="F2158">
            <v>1535504.5</v>
          </cell>
        </row>
        <row r="2159">
          <cell r="A2159" t="str">
            <v>ITY/00004.05.01</v>
          </cell>
          <cell r="B2159">
            <v>559.11</v>
          </cell>
          <cell r="F2159">
            <v>559.11</v>
          </cell>
        </row>
        <row r="2160">
          <cell r="A2160" t="str">
            <v>ITY/00004.06.01</v>
          </cell>
          <cell r="B2160">
            <v>973799.25999999873</v>
          </cell>
          <cell r="C2160">
            <v>181375.66</v>
          </cell>
          <cell r="D2160">
            <v>299998</v>
          </cell>
          <cell r="E2160">
            <v>0</v>
          </cell>
          <cell r="F2160">
            <v>1455172.92</v>
          </cell>
        </row>
        <row r="2161">
          <cell r="A2161" t="str">
            <v>ITY/00004.07.01</v>
          </cell>
          <cell r="B2161">
            <v>18000</v>
          </cell>
          <cell r="F2161">
            <v>18000</v>
          </cell>
        </row>
        <row r="2162">
          <cell r="A2162" t="str">
            <v>ITY/00004.08.01</v>
          </cell>
          <cell r="B2162">
            <v>552600.18000000005</v>
          </cell>
          <cell r="C2162">
            <v>91221.7</v>
          </cell>
          <cell r="F2162">
            <v>643821.88</v>
          </cell>
        </row>
        <row r="2163">
          <cell r="A2163" t="str">
            <v>ITY/00005.01.01</v>
          </cell>
          <cell r="B2163">
            <v>123672</v>
          </cell>
          <cell r="C2163">
            <v>408263.76</v>
          </cell>
          <cell r="D2163">
            <v>1140870.75</v>
          </cell>
          <cell r="E2163">
            <v>952018.35999999905</v>
          </cell>
          <cell r="F2163">
            <v>2624824.8699999945</v>
          </cell>
        </row>
        <row r="2164">
          <cell r="A2164" t="str">
            <v>ITY/00005.02.01</v>
          </cell>
          <cell r="D2164">
            <v>138500</v>
          </cell>
          <cell r="E2164">
            <v>43831</v>
          </cell>
          <cell r="F2164">
            <v>182331</v>
          </cell>
        </row>
        <row r="2165">
          <cell r="A2165" t="str">
            <v>ITY/00006.01.01</v>
          </cell>
          <cell r="D2165">
            <v>9900</v>
          </cell>
          <cell r="E2165">
            <v>54316.959999999999</v>
          </cell>
          <cell r="F2165">
            <v>64216.959999999999</v>
          </cell>
        </row>
        <row r="2166">
          <cell r="A2166" t="str">
            <v>ITY/00007.01.01</v>
          </cell>
          <cell r="C2166">
            <v>210714.68</v>
          </cell>
          <cell r="D2166">
            <v>534372.11</v>
          </cell>
          <cell r="E2166">
            <v>-3.637978807091713E-12</v>
          </cell>
          <cell r="F2166">
            <v>745086.79</v>
          </cell>
        </row>
        <row r="2167">
          <cell r="A2167" t="str">
            <v>ITY/00008.01.01</v>
          </cell>
          <cell r="C2167">
            <v>22858.35</v>
          </cell>
          <cell r="E2167">
            <v>1446.12</v>
          </cell>
          <cell r="F2167">
            <v>24304.47</v>
          </cell>
        </row>
        <row r="2168">
          <cell r="A2168" t="str">
            <v>ITY/00009.01.19</v>
          </cell>
          <cell r="C2168">
            <v>0</v>
          </cell>
          <cell r="D2168">
            <v>2.6467716907063732E-12</v>
          </cell>
          <cell r="E2168">
            <v>0</v>
          </cell>
          <cell r="F2168">
            <v>2.6467716907063732E-12</v>
          </cell>
        </row>
        <row r="2169">
          <cell r="A2169" t="str">
            <v>ITY/00009.02.01</v>
          </cell>
          <cell r="D2169">
            <v>425471.76</v>
          </cell>
          <cell r="E2169">
            <v>180421.12</v>
          </cell>
          <cell r="F2169">
            <v>605892.88</v>
          </cell>
        </row>
        <row r="2170">
          <cell r="A2170" t="str">
            <v>ITY/00009.03.01</v>
          </cell>
          <cell r="D2170">
            <v>470769.3</v>
          </cell>
          <cell r="E2170">
            <v>11009</v>
          </cell>
          <cell r="F2170">
            <v>481778.3</v>
          </cell>
        </row>
        <row r="2171">
          <cell r="A2171" t="str">
            <v>ITY/00009.04.01</v>
          </cell>
          <cell r="D2171">
            <v>276254.39</v>
          </cell>
          <cell r="E2171">
            <v>157738.16</v>
          </cell>
          <cell r="F2171">
            <v>433992.55</v>
          </cell>
        </row>
        <row r="2172">
          <cell r="A2172" t="str">
            <v>ITY/00009.05.01</v>
          </cell>
          <cell r="D2172">
            <v>117923.43</v>
          </cell>
          <cell r="E2172">
            <v>143434.71</v>
          </cell>
          <cell r="F2172">
            <v>261358.14</v>
          </cell>
        </row>
        <row r="2173">
          <cell r="A2173" t="str">
            <v>ITY/00009.06.01</v>
          </cell>
          <cell r="D2173">
            <v>75971.789999999994</v>
          </cell>
          <cell r="E2173">
            <v>842713.56</v>
          </cell>
          <cell r="F2173">
            <v>918685.35</v>
          </cell>
        </row>
        <row r="2174">
          <cell r="A2174" t="str">
            <v>ITY/00009.07.01</v>
          </cell>
          <cell r="D2174">
            <v>23444.53</v>
          </cell>
          <cell r="E2174">
            <v>36296.620000000003</v>
          </cell>
          <cell r="F2174">
            <v>59741.15</v>
          </cell>
        </row>
        <row r="2175">
          <cell r="A2175" t="str">
            <v>ITY/00009.08.01</v>
          </cell>
          <cell r="E2175">
            <v>1797406.93</v>
          </cell>
          <cell r="F2175">
            <v>1797406.93</v>
          </cell>
        </row>
        <row r="2176">
          <cell r="A2176" t="str">
            <v>ITY/00010.01.01</v>
          </cell>
          <cell r="C2176">
            <v>12140</v>
          </cell>
          <cell r="D2176">
            <v>32876.800000000003</v>
          </cell>
          <cell r="E2176">
            <v>7918.74</v>
          </cell>
          <cell r="F2176">
            <v>52935.54</v>
          </cell>
        </row>
        <row r="2177">
          <cell r="A2177" t="str">
            <v>ITY/00012.02.01</v>
          </cell>
          <cell r="D2177">
            <v>3257.91</v>
          </cell>
          <cell r="F2177">
            <v>3257.91</v>
          </cell>
        </row>
        <row r="2178">
          <cell r="A2178" t="str">
            <v>ITY/00012.03.01</v>
          </cell>
          <cell r="D2178">
            <v>2748</v>
          </cell>
          <cell r="E2178">
            <v>8683.1</v>
          </cell>
          <cell r="F2178">
            <v>11431.1</v>
          </cell>
        </row>
        <row r="2179">
          <cell r="A2179" t="str">
            <v>ITY/00012.05.01</v>
          </cell>
          <cell r="E2179">
            <v>90538.109999999928</v>
          </cell>
          <cell r="F2179">
            <v>90538.109999999928</v>
          </cell>
        </row>
        <row r="2180">
          <cell r="A2180" t="str">
            <v>ITY/00013.01.01</v>
          </cell>
          <cell r="D2180">
            <v>119876.25</v>
          </cell>
          <cell r="E2180">
            <v>27813.8</v>
          </cell>
          <cell r="F2180">
            <v>147690.04999999999</v>
          </cell>
        </row>
        <row r="2181">
          <cell r="A2181" t="str">
            <v>ITY/00014.01.01</v>
          </cell>
          <cell r="D2181">
            <v>447585.15</v>
          </cell>
          <cell r="E2181">
            <v>616900.06999999995</v>
          </cell>
          <cell r="F2181">
            <v>1064485.22</v>
          </cell>
        </row>
        <row r="2182">
          <cell r="A2182" t="str">
            <v>ITY/00017.01.01</v>
          </cell>
          <cell r="D2182">
            <v>264632.87</v>
          </cell>
          <cell r="E2182">
            <v>403795.67</v>
          </cell>
          <cell r="F2182">
            <v>668428.54</v>
          </cell>
        </row>
        <row r="2183">
          <cell r="A2183" t="str">
            <v>ITY/00018.01.01</v>
          </cell>
          <cell r="E2183">
            <v>213136.64000000001</v>
          </cell>
          <cell r="F2183">
            <v>213136.64000000001</v>
          </cell>
        </row>
        <row r="2184">
          <cell r="A2184" t="str">
            <v>ITY/00018.02.01</v>
          </cell>
          <cell r="E2184">
            <v>74788.960000000006</v>
          </cell>
          <cell r="F2184">
            <v>74788.960000000006</v>
          </cell>
        </row>
        <row r="2185">
          <cell r="A2185" t="str">
            <v>LAL/00001.01.01</v>
          </cell>
          <cell r="B2185">
            <v>7313.05</v>
          </cell>
          <cell r="C2185">
            <v>13223.01</v>
          </cell>
          <cell r="D2185">
            <v>5131.6000000000004</v>
          </cell>
          <cell r="F2185">
            <v>25667.66</v>
          </cell>
        </row>
        <row r="2186">
          <cell r="A2186" t="str">
            <v>LAL/00002.01.01</v>
          </cell>
          <cell r="B2186">
            <v>33081.230000000003</v>
          </cell>
          <cell r="F2186">
            <v>33081.230000000003</v>
          </cell>
        </row>
        <row r="2187">
          <cell r="A2187" t="str">
            <v>LAL/00003.01.01</v>
          </cell>
          <cell r="C2187">
            <v>346629.15</v>
          </cell>
          <cell r="D2187">
            <v>13600</v>
          </cell>
          <cell r="E2187">
            <v>14041.85</v>
          </cell>
          <cell r="F2187">
            <v>374271</v>
          </cell>
        </row>
        <row r="2188">
          <cell r="A2188" t="str">
            <v>LAL/00004.01.01</v>
          </cell>
          <cell r="E2188">
            <v>160057.20000000001</v>
          </cell>
          <cell r="F2188">
            <v>160057.20000000001</v>
          </cell>
        </row>
        <row r="2189">
          <cell r="A2189" t="str">
            <v>SDU/00001.01.01</v>
          </cell>
          <cell r="B2189">
            <v>623.5</v>
          </cell>
          <cell r="F2189">
            <v>623.5</v>
          </cell>
        </row>
        <row r="2190">
          <cell r="A2190" t="str">
            <v>SDU/00004.01.01</v>
          </cell>
          <cell r="B2190">
            <v>54407.79</v>
          </cell>
          <cell r="C2190">
            <v>10524.15</v>
          </cell>
          <cell r="D2190">
            <v>558.65</v>
          </cell>
          <cell r="F2190">
            <v>65490.59</v>
          </cell>
        </row>
        <row r="2191">
          <cell r="A2191" t="str">
            <v>SDU/00005.01.01</v>
          </cell>
          <cell r="B2191">
            <v>117605</v>
          </cell>
          <cell r="D2191">
            <v>499.38</v>
          </cell>
          <cell r="E2191">
            <v>503.89</v>
          </cell>
          <cell r="F2191">
            <v>118608.27</v>
          </cell>
        </row>
        <row r="2192">
          <cell r="A2192" t="str">
            <v>SDU/00005.02.01</v>
          </cell>
          <cell r="C2192">
            <v>102087.08</v>
          </cell>
          <cell r="D2192">
            <v>43471</v>
          </cell>
          <cell r="E2192">
            <v>31228.080000000002</v>
          </cell>
          <cell r="F2192">
            <v>176786.16</v>
          </cell>
        </row>
        <row r="2193">
          <cell r="A2193" t="str">
            <v>SDU/00005.03.01</v>
          </cell>
          <cell r="D2193">
            <v>17710.89</v>
          </cell>
          <cell r="E2193">
            <v>1000</v>
          </cell>
          <cell r="F2193">
            <v>18710.89</v>
          </cell>
        </row>
        <row r="2194">
          <cell r="A2194" t="str">
            <v>Grand Total</v>
          </cell>
          <cell r="B2194">
            <v>78929940.680000007</v>
          </cell>
          <cell r="C2194">
            <v>64189578.150000013</v>
          </cell>
          <cell r="D2194">
            <v>84668931.929999977</v>
          </cell>
          <cell r="E2194">
            <v>99627818.059999973</v>
          </cell>
          <cell r="F2194">
            <v>327416268.82000011</v>
          </cell>
        </row>
      </sheetData>
      <sheetData sheetId="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Summary - Analysis"/>
      <sheetName val="Adult SS - NP"/>
      <sheetName val="Ctrl Expenses - NP"/>
      <sheetName val="Children"/>
      <sheetName val=" Envir &amp; Trans Services  - NP"/>
      <sheetName val="Governance - NP"/>
      <sheetName val="Housing - NP"/>
      <sheetName val="Housing Association Breakdown"/>
      <sheetName val="Plan &amp; Enviro Protect - NP"/>
      <sheetName val="Resources - NP"/>
      <sheetName val="Strategic Development - NP"/>
      <sheetName val="HRA - NP"/>
    </sheetNames>
    <sheetDataSet>
      <sheetData sheetId="0">
        <row r="22">
          <cell r="E22">
            <v>608</v>
          </cell>
        </row>
      </sheetData>
      <sheetData sheetId="1">
        <row r="11">
          <cell r="E11">
            <v>0</v>
          </cell>
        </row>
      </sheetData>
      <sheetData sheetId="2">
        <row r="22">
          <cell r="E22">
            <v>608</v>
          </cell>
          <cell r="F22">
            <v>3459</v>
          </cell>
          <cell r="G22">
            <v>369</v>
          </cell>
          <cell r="O22">
            <v>0</v>
          </cell>
          <cell r="P22">
            <v>0</v>
          </cell>
          <cell r="Q22">
            <v>0</v>
          </cell>
          <cell r="S22">
            <v>0</v>
          </cell>
          <cell r="T22">
            <v>0</v>
          </cell>
          <cell r="U22">
            <v>0</v>
          </cell>
          <cell r="V22">
            <v>3828</v>
          </cell>
        </row>
      </sheetData>
      <sheetData sheetId="3">
        <row r="11">
          <cell r="E11">
            <v>0</v>
          </cell>
          <cell r="F11">
            <v>1144</v>
          </cell>
          <cell r="G11">
            <v>2000</v>
          </cell>
          <cell r="O11">
            <v>3960</v>
          </cell>
          <cell r="P11">
            <v>1500</v>
          </cell>
          <cell r="Q11">
            <v>0</v>
          </cell>
          <cell r="S11">
            <v>0</v>
          </cell>
          <cell r="T11">
            <v>0</v>
          </cell>
          <cell r="U11">
            <v>6144</v>
          </cell>
          <cell r="V11">
            <v>0</v>
          </cell>
        </row>
      </sheetData>
      <sheetData sheetId="4">
        <row r="14">
          <cell r="E14">
            <v>390</v>
          </cell>
        </row>
        <row r="119">
          <cell r="E119">
            <v>19820</v>
          </cell>
          <cell r="F119">
            <v>8585</v>
          </cell>
          <cell r="G119">
            <v>48568</v>
          </cell>
          <cell r="O119">
            <v>51784</v>
          </cell>
          <cell r="P119">
            <v>38574</v>
          </cell>
          <cell r="Q119">
            <v>51020</v>
          </cell>
          <cell r="S119">
            <v>56911.98587217684</v>
          </cell>
          <cell r="T119">
            <v>66850</v>
          </cell>
          <cell r="U119">
            <v>0</v>
          </cell>
          <cell r="V119">
            <v>32486.01412782316</v>
          </cell>
        </row>
      </sheetData>
      <sheetData sheetId="5">
        <row r="11">
          <cell r="E11">
            <v>6830</v>
          </cell>
        </row>
        <row r="232">
          <cell r="E232">
            <v>19933</v>
          </cell>
          <cell r="F232">
            <v>10198</v>
          </cell>
          <cell r="G232">
            <v>17974</v>
          </cell>
          <cell r="O232">
            <v>8594</v>
          </cell>
          <cell r="P232">
            <v>1435</v>
          </cell>
          <cell r="Q232">
            <v>0</v>
          </cell>
          <cell r="S232">
            <v>13973</v>
          </cell>
          <cell r="T232">
            <v>6096</v>
          </cell>
          <cell r="U232">
            <v>0</v>
          </cell>
          <cell r="V232">
            <v>8725</v>
          </cell>
        </row>
      </sheetData>
      <sheetData sheetId="6">
        <row r="13">
          <cell r="E13">
            <v>2689</v>
          </cell>
        </row>
        <row r="14">
          <cell r="E14">
            <v>390</v>
          </cell>
          <cell r="F14">
            <v>144</v>
          </cell>
          <cell r="G14">
            <v>0</v>
          </cell>
          <cell r="P14">
            <v>25</v>
          </cell>
          <cell r="Q14">
            <v>0</v>
          </cell>
          <cell r="R14">
            <v>0</v>
          </cell>
          <cell r="T14">
            <v>0</v>
          </cell>
          <cell r="U14">
            <v>32</v>
          </cell>
          <cell r="V14">
            <v>0</v>
          </cell>
          <cell r="W14">
            <v>174</v>
          </cell>
        </row>
      </sheetData>
      <sheetData sheetId="7">
        <row r="11">
          <cell r="E11">
            <v>6830</v>
          </cell>
          <cell r="F11">
            <v>2762</v>
          </cell>
          <cell r="G11">
            <v>2970</v>
          </cell>
          <cell r="O11">
            <v>2124</v>
          </cell>
          <cell r="P11">
            <v>1000</v>
          </cell>
          <cell r="Q11">
            <v>0</v>
          </cell>
          <cell r="S11">
            <v>0</v>
          </cell>
          <cell r="T11">
            <v>7178</v>
          </cell>
          <cell r="U11">
            <v>1626</v>
          </cell>
          <cell r="V11">
            <v>0</v>
          </cell>
        </row>
      </sheetData>
      <sheetData sheetId="8">
        <row r="28">
          <cell r="E28">
            <v>5475</v>
          </cell>
        </row>
      </sheetData>
      <sheetData sheetId="9">
        <row r="13">
          <cell r="E13">
            <v>2689</v>
          </cell>
          <cell r="F13">
            <v>1539</v>
          </cell>
          <cell r="G13">
            <v>1410</v>
          </cell>
          <cell r="O13">
            <v>1410</v>
          </cell>
          <cell r="P13">
            <v>1170</v>
          </cell>
          <cell r="Q13">
            <v>0</v>
          </cell>
          <cell r="S13">
            <v>2939</v>
          </cell>
          <cell r="T13">
            <v>0</v>
          </cell>
          <cell r="U13">
            <v>2487</v>
          </cell>
          <cell r="V13">
            <v>103</v>
          </cell>
        </row>
      </sheetData>
      <sheetData sheetId="10">
        <row r="11">
          <cell r="E11">
            <v>6830</v>
          </cell>
        </row>
        <row r="91">
          <cell r="E91">
            <v>25350</v>
          </cell>
          <cell r="F91">
            <v>9157</v>
          </cell>
          <cell r="G91">
            <v>8177</v>
          </cell>
          <cell r="P91">
            <v>9835</v>
          </cell>
          <cell r="Q91">
            <v>1570</v>
          </cell>
          <cell r="R91">
            <v>2140</v>
          </cell>
          <cell r="T91">
            <v>451</v>
          </cell>
          <cell r="U91">
            <v>1967</v>
          </cell>
          <cell r="V91">
            <v>0</v>
          </cell>
          <cell r="W91">
            <v>20811</v>
          </cell>
        </row>
      </sheetData>
      <sheetData sheetId="11">
        <row r="28">
          <cell r="E28">
            <v>5475</v>
          </cell>
          <cell r="F28">
            <v>4554</v>
          </cell>
          <cell r="G28">
            <v>5350</v>
          </cell>
          <cell r="O28">
            <v>4069</v>
          </cell>
          <cell r="P28">
            <v>0</v>
          </cell>
          <cell r="Q28">
            <v>0</v>
          </cell>
          <cell r="S28">
            <v>0</v>
          </cell>
          <cell r="T28">
            <v>0</v>
          </cell>
          <cell r="U28">
            <v>4260</v>
          </cell>
          <cell r="V28">
            <v>6441</v>
          </cell>
        </row>
      </sheetData>
      <sheetData sheetId="12">
        <row r="13">
          <cell r="E13">
            <v>2689</v>
          </cell>
        </row>
        <row r="30">
          <cell r="E30">
            <v>40505</v>
          </cell>
          <cell r="F30">
            <v>26539</v>
          </cell>
          <cell r="G30">
            <v>37348</v>
          </cell>
          <cell r="J30">
            <v>33843</v>
          </cell>
          <cell r="K30">
            <v>22748</v>
          </cell>
          <cell r="M30">
            <v>500</v>
          </cell>
          <cell r="O30">
            <v>250</v>
          </cell>
          <cell r="P30">
            <v>48431</v>
          </cell>
          <cell r="Q30">
            <v>7738</v>
          </cell>
          <cell r="R30">
            <v>66747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tailed"/>
      <sheetName val="Summary"/>
      <sheetName val="Financing"/>
    </sheetNames>
    <sheetDataSet>
      <sheetData sheetId="0" refreshError="1">
        <row r="1">
          <cell r="A1" t="str">
            <v>CAPITAL PROGRAMME 2004-05 OUTTURN</v>
          </cell>
        </row>
        <row r="2">
          <cell r="A2" t="str">
            <v>DETAILED - ALL SERVICES</v>
          </cell>
          <cell r="C2" t="str">
            <v>LAFIS CODE</v>
          </cell>
          <cell r="D2" t="str">
            <v>CONSTRUCTION</v>
          </cell>
          <cell r="F2" t="str">
            <v>PRIOR YEARS</v>
          </cell>
          <cell r="G2" t="str">
            <v>Revised</v>
          </cell>
          <cell r="H2" t="str">
            <v>2004-05</v>
          </cell>
          <cell r="K2" t="str">
            <v>Explanation of Variation</v>
          </cell>
          <cell r="L2" t="str">
            <v>2005-06</v>
          </cell>
          <cell r="N2" t="str">
            <v>2006-07</v>
          </cell>
          <cell r="P2" t="str">
            <v>2007-08</v>
          </cell>
          <cell r="R2" t="str">
            <v>Later Years</v>
          </cell>
          <cell r="T2" t="str">
            <v>Total</v>
          </cell>
        </row>
        <row r="3">
          <cell r="D3" t="str">
            <v>START</v>
          </cell>
          <cell r="E3" t="str">
            <v>END</v>
          </cell>
          <cell r="G3" t="str">
            <v>Budget</v>
          </cell>
          <cell r="H3" t="str">
            <v>Budget</v>
          </cell>
          <cell r="I3" t="str">
            <v>Actual</v>
          </cell>
          <cell r="J3" t="str">
            <v>Variation</v>
          </cell>
          <cell r="L3" t="str">
            <v>Budget</v>
          </cell>
          <cell r="M3" t="str">
            <v>Proj'n</v>
          </cell>
          <cell r="N3" t="str">
            <v>Budget</v>
          </cell>
          <cell r="O3" t="str">
            <v>Proj'n</v>
          </cell>
          <cell r="P3" t="str">
            <v>Budget</v>
          </cell>
          <cell r="Q3" t="str">
            <v>Proj'n</v>
          </cell>
          <cell r="R3" t="str">
            <v>Budget</v>
          </cell>
          <cell r="S3" t="str">
            <v>Proj'n</v>
          </cell>
          <cell r="T3" t="str">
            <v>Budget</v>
          </cell>
        </row>
        <row r="4">
          <cell r="F4" t="str">
            <v>£000</v>
          </cell>
          <cell r="G4" t="str">
            <v>£000</v>
          </cell>
          <cell r="H4" t="str">
            <v>£000</v>
          </cell>
          <cell r="I4" t="str">
            <v>£000</v>
          </cell>
          <cell r="J4" t="str">
            <v>£000</v>
          </cell>
          <cell r="L4" t="str">
            <v>£000</v>
          </cell>
          <cell r="M4" t="str">
            <v>£000</v>
          </cell>
          <cell r="N4" t="str">
            <v>£000</v>
          </cell>
          <cell r="O4" t="str">
            <v>£000</v>
          </cell>
          <cell r="P4" t="str">
            <v>£000</v>
          </cell>
          <cell r="Q4" t="str">
            <v>£000</v>
          </cell>
          <cell r="R4" t="str">
            <v>£000</v>
          </cell>
          <cell r="S4" t="str">
            <v>£000</v>
          </cell>
          <cell r="T4" t="str">
            <v>£000</v>
          </cell>
        </row>
        <row r="5">
          <cell r="B5" t="str">
            <v>CENTRAL EXPENSES</v>
          </cell>
        </row>
        <row r="6">
          <cell r="A6" t="str">
            <v>R77</v>
          </cell>
          <cell r="B6" t="str">
            <v>Pericles - Revenues and Benefits System</v>
          </cell>
          <cell r="C6" t="str">
            <v>G93613</v>
          </cell>
          <cell r="D6">
            <v>38108</v>
          </cell>
          <cell r="E6">
            <v>38473</v>
          </cell>
          <cell r="H6">
            <v>559</v>
          </cell>
          <cell r="I6">
            <v>380</v>
          </cell>
          <cell r="J6">
            <v>-179</v>
          </cell>
          <cell r="L6">
            <v>441</v>
          </cell>
          <cell r="T6">
            <v>1000</v>
          </cell>
        </row>
        <row r="7">
          <cell r="T7">
            <v>0</v>
          </cell>
        </row>
        <row r="8">
          <cell r="A8" t="str">
            <v>R82</v>
          </cell>
          <cell r="B8" t="str">
            <v>Local Land Charges</v>
          </cell>
          <cell r="T8">
            <v>0</v>
          </cell>
        </row>
        <row r="9">
          <cell r="B9" t="str">
            <v>Computerising current manual system</v>
          </cell>
          <cell r="C9" t="str">
            <v>G93610</v>
          </cell>
          <cell r="D9">
            <v>37653</v>
          </cell>
          <cell r="E9">
            <v>38687</v>
          </cell>
          <cell r="F9">
            <v>12</v>
          </cell>
          <cell r="H9">
            <v>11</v>
          </cell>
          <cell r="I9">
            <v>17</v>
          </cell>
          <cell r="J9">
            <v>6</v>
          </cell>
          <cell r="L9">
            <v>127</v>
          </cell>
          <cell r="T9">
            <v>150</v>
          </cell>
        </row>
        <row r="10">
          <cell r="J10">
            <v>0</v>
          </cell>
          <cell r="T10">
            <v>0</v>
          </cell>
        </row>
        <row r="11">
          <cell r="A11" t="str">
            <v>R88</v>
          </cell>
          <cell r="B11" t="str">
            <v>Capitalised Redundancies</v>
          </cell>
          <cell r="C11" t="str">
            <v>H94002</v>
          </cell>
          <cell r="D11" t="str">
            <v>n/a</v>
          </cell>
          <cell r="E11" t="str">
            <v>n/a</v>
          </cell>
          <cell r="F11">
            <v>2700</v>
          </cell>
          <cell r="H11">
            <v>3500</v>
          </cell>
          <cell r="I11">
            <v>4126</v>
          </cell>
          <cell r="J11">
            <v>626</v>
          </cell>
          <cell r="K11" t="str">
            <v>Large number of additional redundancies at the end of the financial year as part of the 2005/06 budget savings</v>
          </cell>
          <cell r="L11">
            <v>1500</v>
          </cell>
          <cell r="T11">
            <v>7700</v>
          </cell>
        </row>
        <row r="12">
          <cell r="B12" t="str">
            <v>2004/05 spend to be funded from Prudential Borrowing</v>
          </cell>
          <cell r="T12">
            <v>0</v>
          </cell>
        </row>
        <row r="13">
          <cell r="T13">
            <v>0</v>
          </cell>
        </row>
        <row r="14">
          <cell r="A14" t="str">
            <v>R89</v>
          </cell>
          <cell r="B14" t="str">
            <v>Local Public Service Agreements</v>
          </cell>
          <cell r="T14">
            <v>0</v>
          </cell>
        </row>
        <row r="15">
          <cell r="B15" t="str">
            <v>Unsupported Capital Approvals</v>
          </cell>
          <cell r="C15" t="str">
            <v>C97020</v>
          </cell>
          <cell r="D15" t="str">
            <v>n/a</v>
          </cell>
          <cell r="E15" t="str">
            <v>n/a</v>
          </cell>
          <cell r="H15">
            <v>300</v>
          </cell>
          <cell r="I15">
            <v>253</v>
          </cell>
          <cell r="J15">
            <v>-300</v>
          </cell>
          <cell r="T15">
            <v>300</v>
          </cell>
        </row>
        <row r="16">
          <cell r="B16" t="str">
            <v>Pump Priming (Grant)</v>
          </cell>
          <cell r="C16" t="str">
            <v>G92009</v>
          </cell>
          <cell r="D16" t="str">
            <v>n/a</v>
          </cell>
          <cell r="E16" t="str">
            <v>n/a</v>
          </cell>
          <cell r="F16">
            <v>136</v>
          </cell>
          <cell r="H16">
            <v>929</v>
          </cell>
          <cell r="I16">
            <v>391</v>
          </cell>
          <cell r="J16">
            <v>-538</v>
          </cell>
          <cell r="T16">
            <v>1065</v>
          </cell>
        </row>
        <row r="17">
          <cell r="T17">
            <v>0</v>
          </cell>
        </row>
        <row r="18">
          <cell r="A18" t="str">
            <v>R96</v>
          </cell>
          <cell r="B18" t="str">
            <v>Trove System replacement</v>
          </cell>
          <cell r="C18" t="str">
            <v>G93619</v>
          </cell>
          <cell r="D18">
            <v>38353</v>
          </cell>
          <cell r="E18">
            <v>38473</v>
          </cell>
          <cell r="H18">
            <v>65</v>
          </cell>
          <cell r="I18">
            <v>48</v>
          </cell>
          <cell r="J18">
            <v>-17</v>
          </cell>
          <cell r="T18">
            <v>65</v>
          </cell>
        </row>
        <row r="19">
          <cell r="T19">
            <v>0</v>
          </cell>
        </row>
        <row r="20">
          <cell r="A20" t="str">
            <v>R97</v>
          </cell>
          <cell r="B20" t="str">
            <v>Legal case management system</v>
          </cell>
          <cell r="C20" t="str">
            <v>G93620</v>
          </cell>
          <cell r="D20">
            <v>38292</v>
          </cell>
          <cell r="E20">
            <v>38777</v>
          </cell>
          <cell r="H20">
            <v>90</v>
          </cell>
          <cell r="I20">
            <v>53</v>
          </cell>
          <cell r="J20">
            <v>-37</v>
          </cell>
          <cell r="T20">
            <v>90</v>
          </cell>
        </row>
        <row r="21">
          <cell r="T21">
            <v>0</v>
          </cell>
        </row>
        <row r="22">
          <cell r="A22" t="str">
            <v>D75</v>
          </cell>
          <cell r="B22" t="str">
            <v>Arts  Centre  Development</v>
          </cell>
          <cell r="T22">
            <v>0</v>
          </cell>
        </row>
        <row r="23">
          <cell r="B23" t="str">
            <v>Services Diversion</v>
          </cell>
          <cell r="C23" t="str">
            <v>A90076</v>
          </cell>
          <cell r="D23" t="str">
            <v>n/a</v>
          </cell>
          <cell r="E23" t="str">
            <v>n/a</v>
          </cell>
          <cell r="F23">
            <v>450</v>
          </cell>
          <cell r="H23">
            <v>50</v>
          </cell>
          <cell r="J23">
            <v>-50</v>
          </cell>
          <cell r="T23">
            <v>500</v>
          </cell>
        </row>
        <row r="24">
          <cell r="B24" t="str">
            <v>Woodhouse Road bus stand</v>
          </cell>
          <cell r="C24" t="str">
            <v>A90077</v>
          </cell>
          <cell r="D24">
            <v>37043</v>
          </cell>
          <cell r="E24">
            <v>37165</v>
          </cell>
          <cell r="F24">
            <v>133</v>
          </cell>
          <cell r="J24">
            <v>0</v>
          </cell>
          <cell r="T24">
            <v>133</v>
          </cell>
        </row>
        <row r="25">
          <cell r="B25" t="str">
            <v>Main scheme</v>
          </cell>
          <cell r="C25" t="str">
            <v>A90080</v>
          </cell>
          <cell r="D25" t="str">
            <v>n/a</v>
          </cell>
          <cell r="E25" t="str">
            <v>n/a</v>
          </cell>
          <cell r="F25">
            <v>1565</v>
          </cell>
          <cell r="H25">
            <v>874</v>
          </cell>
          <cell r="J25">
            <v>-874</v>
          </cell>
          <cell r="T25">
            <v>2439</v>
          </cell>
        </row>
        <row r="26">
          <cell r="B26" t="str">
            <v>Arts Centre fit out costs</v>
          </cell>
          <cell r="C26" t="str">
            <v>A90085</v>
          </cell>
          <cell r="D26" t="str">
            <v>n/a</v>
          </cell>
          <cell r="E26" t="str">
            <v>n/a</v>
          </cell>
          <cell r="H26">
            <v>232</v>
          </cell>
          <cell r="I26">
            <v>215</v>
          </cell>
          <cell r="J26">
            <v>-17</v>
          </cell>
          <cell r="T26">
            <v>232</v>
          </cell>
        </row>
        <row r="27">
          <cell r="B27" t="str">
            <v>Traffic Management</v>
          </cell>
          <cell r="D27" t="str">
            <v>n/a</v>
          </cell>
          <cell r="E27" t="str">
            <v>n/a</v>
          </cell>
          <cell r="H27">
            <v>150</v>
          </cell>
          <cell r="J27">
            <v>-150</v>
          </cell>
          <cell r="T27">
            <v>150</v>
          </cell>
        </row>
        <row r="28">
          <cell r="J28">
            <v>0</v>
          </cell>
          <cell r="T28">
            <v>0</v>
          </cell>
        </row>
        <row r="29">
          <cell r="B29" t="str">
            <v>Outstanding commitments on completed schemes</v>
          </cell>
          <cell r="D29" t="str">
            <v>n/a</v>
          </cell>
          <cell r="E29" t="str">
            <v>n/a</v>
          </cell>
          <cell r="H29">
            <v>31</v>
          </cell>
          <cell r="I29">
            <v>2</v>
          </cell>
          <cell r="J29">
            <v>-29</v>
          </cell>
          <cell r="T29">
            <v>31</v>
          </cell>
        </row>
        <row r="31">
          <cell r="A31">
            <v>20</v>
          </cell>
          <cell r="B31" t="str">
            <v>TOTAL - Central Expenses</v>
          </cell>
          <cell r="F31">
            <v>4996</v>
          </cell>
          <cell r="H31">
            <v>6791</v>
          </cell>
          <cell r="I31">
            <v>5485</v>
          </cell>
          <cell r="J31">
            <v>-1306</v>
          </cell>
        </row>
        <row r="33">
          <cell r="B33" t="str">
            <v>CHILDREN &amp; FAMILIES</v>
          </cell>
        </row>
        <row r="34">
          <cell r="A34" t="str">
            <v>S54</v>
          </cell>
          <cell r="B34" t="str">
            <v>Childrens Personal Social Services Capital Allocation</v>
          </cell>
        </row>
        <row r="35">
          <cell r="B35" t="str">
            <v>Looked After Children - IT</v>
          </cell>
          <cell r="C35" t="str">
            <v>G93701</v>
          </cell>
          <cell r="D35" t="str">
            <v>n/a</v>
          </cell>
          <cell r="E35" t="str">
            <v>n/a</v>
          </cell>
          <cell r="H35">
            <v>71</v>
          </cell>
          <cell r="I35">
            <v>57</v>
          </cell>
          <cell r="J35">
            <v>-14</v>
          </cell>
          <cell r="K35" t="str">
            <v>Minor variation- slippage into 2005/6</v>
          </cell>
        </row>
        <row r="36">
          <cell r="B36" t="str">
            <v>Supported Capital Expenditure (Revenue)</v>
          </cell>
        </row>
        <row r="37">
          <cell r="B37" t="str">
            <v>Projects to be identified</v>
          </cell>
        </row>
        <row r="41">
          <cell r="B41" t="str">
            <v>Outstanding commitments on completed schemes</v>
          </cell>
          <cell r="H41">
            <v>4</v>
          </cell>
          <cell r="J41">
            <v>-4</v>
          </cell>
          <cell r="K41" t="str">
            <v>Retention payments outstanding</v>
          </cell>
        </row>
        <row r="42">
          <cell r="A42">
            <v>302</v>
          </cell>
        </row>
        <row r="43">
          <cell r="A43">
            <v>20</v>
          </cell>
          <cell r="B43" t="str">
            <v>TOTAL - Children &amp; Families</v>
          </cell>
          <cell r="F43">
            <v>0</v>
          </cell>
          <cell r="H43">
            <v>75</v>
          </cell>
          <cell r="I43">
            <v>57</v>
          </cell>
          <cell r="J43">
            <v>-18</v>
          </cell>
        </row>
        <row r="45">
          <cell r="B45" t="str">
            <v>COMMUNITY CARE</v>
          </cell>
        </row>
        <row r="46">
          <cell r="A46" t="str">
            <v>S51</v>
          </cell>
          <cell r="B46" t="str">
            <v>SWIFT</v>
          </cell>
        </row>
        <row r="47">
          <cell r="B47" t="str">
            <v>Upgrade to social care information database</v>
          </cell>
          <cell r="C47" t="str">
            <v>G93605</v>
          </cell>
          <cell r="D47" t="str">
            <v>n/a</v>
          </cell>
          <cell r="E47" t="str">
            <v>n/a</v>
          </cell>
          <cell r="F47">
            <v>1437</v>
          </cell>
          <cell r="H47">
            <v>145</v>
          </cell>
          <cell r="I47">
            <v>53</v>
          </cell>
          <cell r="J47">
            <v>-92</v>
          </cell>
        </row>
        <row r="48">
          <cell r="B48" t="str">
            <v>Prior year spend part funded by Social Services Information Systems Grant.</v>
          </cell>
          <cell r="J48">
            <v>0</v>
          </cell>
        </row>
        <row r="50">
          <cell r="A50" t="str">
            <v>S52</v>
          </cell>
          <cell r="B50" t="str">
            <v>Mental Health - Barnet Infokiosks</v>
          </cell>
          <cell r="C50" t="str">
            <v>G93700</v>
          </cell>
          <cell r="D50">
            <v>38261</v>
          </cell>
          <cell r="E50">
            <v>38412</v>
          </cell>
          <cell r="H50">
            <v>158</v>
          </cell>
          <cell r="I50">
            <v>78</v>
          </cell>
          <cell r="J50">
            <v>-80</v>
          </cell>
          <cell r="K50" t="str">
            <v>£78 k in 2005-06</v>
          </cell>
        </row>
        <row r="51">
          <cell r="B51" t="str">
            <v>Funded by Supported Capital Expenditure (Revenue)</v>
          </cell>
          <cell r="J51">
            <v>0</v>
          </cell>
        </row>
        <row r="53">
          <cell r="A53" t="str">
            <v>S53</v>
          </cell>
          <cell r="B53" t="str">
            <v>Adults Personal Social Services Capital Allocation</v>
          </cell>
        </row>
        <row r="54">
          <cell r="B54" t="str">
            <v>2004/05 allocation</v>
          </cell>
          <cell r="H54">
            <v>210</v>
          </cell>
          <cell r="J54">
            <v>-210</v>
          </cell>
          <cell r="K54" t="str">
            <v>SCER allocation. Projects not yet identified.</v>
          </cell>
        </row>
        <row r="55">
          <cell r="B55" t="str">
            <v>Funded by Supported Capital Expenditure (Revenue)</v>
          </cell>
          <cell r="J55">
            <v>0</v>
          </cell>
        </row>
        <row r="56">
          <cell r="B56" t="str">
            <v>Projects to be identified</v>
          </cell>
        </row>
        <row r="58">
          <cell r="B58" t="str">
            <v>Adult re-provisioning  Programme</v>
          </cell>
        </row>
        <row r="59">
          <cell r="B59" t="str">
            <v>Learning Disabilities - investment of capital receipts from sale of surplus buildings</v>
          </cell>
        </row>
        <row r="60">
          <cell r="B60" t="str">
            <v>Older Adults - care home re-provisioning programme</v>
          </cell>
        </row>
        <row r="62">
          <cell r="B62" t="str">
            <v>Outstanding commitments on completed schemes</v>
          </cell>
          <cell r="H62">
            <v>44</v>
          </cell>
          <cell r="I62">
            <v>0</v>
          </cell>
          <cell r="J62">
            <v>-44</v>
          </cell>
        </row>
        <row r="63">
          <cell r="J63">
            <v>0</v>
          </cell>
        </row>
        <row r="64">
          <cell r="B64" t="str">
            <v>Unfunded (i.e. not in Capital Programme)</v>
          </cell>
        </row>
        <row r="65">
          <cell r="A65" t="str">
            <v>S49</v>
          </cell>
          <cell r="B65" t="str">
            <v>Mental Health IT System</v>
          </cell>
          <cell r="C65" t="str">
            <v>G93606</v>
          </cell>
          <cell r="I65">
            <v>2</v>
          </cell>
          <cell r="J65">
            <v>2</v>
          </cell>
          <cell r="K65" t="str">
            <v>Should be end of scheme</v>
          </cell>
        </row>
        <row r="66">
          <cell r="A66">
            <v>302</v>
          </cell>
        </row>
        <row r="67">
          <cell r="A67">
            <v>20</v>
          </cell>
          <cell r="B67" t="str">
            <v>TOTAL - Community Care</v>
          </cell>
          <cell r="F67">
            <v>1437</v>
          </cell>
          <cell r="H67">
            <v>557</v>
          </cell>
          <cell r="I67">
            <v>133</v>
          </cell>
          <cell r="J67">
            <v>-424</v>
          </cell>
        </row>
        <row r="69">
          <cell r="B69" t="str">
            <v>CULTURAL SERVICES</v>
          </cell>
        </row>
        <row r="70">
          <cell r="A70" t="str">
            <v>D77</v>
          </cell>
          <cell r="B70" t="str">
            <v>Burnt Oak Youth and Community Centre</v>
          </cell>
          <cell r="C70" t="str">
            <v>M97182</v>
          </cell>
          <cell r="D70">
            <v>37288</v>
          </cell>
          <cell r="E70">
            <v>37742</v>
          </cell>
          <cell r="F70">
            <v>3275</v>
          </cell>
          <cell r="H70">
            <v>269</v>
          </cell>
          <cell r="I70">
            <v>26</v>
          </cell>
          <cell r="J70">
            <v>-243</v>
          </cell>
          <cell r="T70">
            <v>3544</v>
          </cell>
        </row>
        <row r="71">
          <cell r="B71" t="str">
            <v>Part funded by Section 106 Agreement</v>
          </cell>
          <cell r="T71">
            <v>0</v>
          </cell>
        </row>
        <row r="72">
          <cell r="T72">
            <v>0</v>
          </cell>
        </row>
        <row r="73">
          <cell r="A73" t="str">
            <v>D87</v>
          </cell>
          <cell r="B73" t="str">
            <v>Hendon Library</v>
          </cell>
          <cell r="T73">
            <v>0</v>
          </cell>
        </row>
        <row r="74">
          <cell r="B74" t="str">
            <v>Refurbishment and Lift</v>
          </cell>
          <cell r="C74" t="str">
            <v>A90082</v>
          </cell>
          <cell r="D74">
            <v>37895</v>
          </cell>
          <cell r="E74">
            <v>38261</v>
          </cell>
          <cell r="F74">
            <v>501</v>
          </cell>
          <cell r="H74">
            <v>765</v>
          </cell>
          <cell r="I74">
            <v>816</v>
          </cell>
          <cell r="J74">
            <v>51</v>
          </cell>
          <cell r="L74">
            <v>114</v>
          </cell>
          <cell r="T74">
            <v>1380</v>
          </cell>
        </row>
        <row r="75">
          <cell r="B75" t="str">
            <v>Reprovision of Books</v>
          </cell>
          <cell r="C75" t="str">
            <v>A90084</v>
          </cell>
          <cell r="D75" t="str">
            <v>n/a</v>
          </cell>
          <cell r="E75" t="str">
            <v>n/a</v>
          </cell>
          <cell r="F75">
            <v>12</v>
          </cell>
          <cell r="H75">
            <v>338</v>
          </cell>
          <cell r="I75">
            <v>338</v>
          </cell>
          <cell r="J75">
            <v>0</v>
          </cell>
          <cell r="T75">
            <v>350</v>
          </cell>
        </row>
        <row r="76">
          <cell r="T76">
            <v>0</v>
          </cell>
        </row>
        <row r="77">
          <cell r="A77" t="str">
            <v>D95</v>
          </cell>
          <cell r="B77" t="str">
            <v>Copthall Stadium - resurfacing of athletics track</v>
          </cell>
          <cell r="D77" t="str">
            <v>t.b.d</v>
          </cell>
          <cell r="E77" t="str">
            <v>t.b.d</v>
          </cell>
          <cell r="L77">
            <v>195</v>
          </cell>
          <cell r="T77">
            <v>195</v>
          </cell>
        </row>
        <row r="78">
          <cell r="B78" t="str">
            <v>Funding by S106 and Sport England grant</v>
          </cell>
          <cell r="T78">
            <v>0</v>
          </cell>
        </row>
        <row r="79">
          <cell r="T79">
            <v>0</v>
          </cell>
        </row>
        <row r="80">
          <cell r="T80">
            <v>0</v>
          </cell>
        </row>
        <row r="81">
          <cell r="B81" t="str">
            <v>Outstanding commitments on completed schemes</v>
          </cell>
          <cell r="D81" t="str">
            <v>various</v>
          </cell>
          <cell r="E81" t="str">
            <v>various</v>
          </cell>
          <cell r="H81">
            <v>20</v>
          </cell>
          <cell r="I81">
            <v>5</v>
          </cell>
          <cell r="J81">
            <v>-15</v>
          </cell>
          <cell r="T81">
            <v>20</v>
          </cell>
        </row>
        <row r="82">
          <cell r="A82">
            <v>302</v>
          </cell>
          <cell r="T82">
            <v>0</v>
          </cell>
        </row>
        <row r="83">
          <cell r="A83">
            <v>20</v>
          </cell>
          <cell r="B83" t="str">
            <v>TOTAL - Cultural Services</v>
          </cell>
          <cell r="F83">
            <v>3788</v>
          </cell>
          <cell r="H83">
            <v>1392</v>
          </cell>
          <cell r="I83">
            <v>1185</v>
          </cell>
          <cell r="J83">
            <v>-207</v>
          </cell>
          <cell r="L83">
            <v>3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5489</v>
          </cell>
        </row>
        <row r="85">
          <cell r="B85" t="str">
            <v>EDUCATION</v>
          </cell>
        </row>
        <row r="86">
          <cell r="A86" t="str">
            <v>E60</v>
          </cell>
          <cell r="B86" t="str">
            <v>Schools  Access  Initiatives</v>
          </cell>
          <cell r="T86">
            <v>0</v>
          </cell>
        </row>
        <row r="87">
          <cell r="B87" t="str">
            <v xml:space="preserve">2002-03 Programme </v>
          </cell>
          <cell r="T87">
            <v>0</v>
          </cell>
        </row>
        <row r="88">
          <cell r="B88" t="str">
            <v>Wessex Gardens - ramps, WC facilities, wheelchair lifts, gates, lift access</v>
          </cell>
          <cell r="C88" t="str">
            <v>M93291</v>
          </cell>
          <cell r="D88">
            <v>37895</v>
          </cell>
          <cell r="E88">
            <v>38231</v>
          </cell>
          <cell r="F88">
            <v>60</v>
          </cell>
          <cell r="H88">
            <v>80</v>
          </cell>
          <cell r="I88">
            <v>76</v>
          </cell>
          <cell r="J88">
            <v>-4</v>
          </cell>
          <cell r="T88">
            <v>140</v>
          </cell>
        </row>
        <row r="89">
          <cell r="B89" t="str">
            <v>Deansbrook Infants - ramps, Physically Disabled WC etc. to provide whole school accessibility</v>
          </cell>
          <cell r="C89" t="str">
            <v>M93293</v>
          </cell>
          <cell r="D89" t="str">
            <v>n/a</v>
          </cell>
          <cell r="E89" t="str">
            <v>n/a</v>
          </cell>
          <cell r="F89">
            <v>49</v>
          </cell>
          <cell r="H89">
            <v>14</v>
          </cell>
          <cell r="I89">
            <v>11</v>
          </cell>
          <cell r="J89">
            <v>-3</v>
          </cell>
          <cell r="T89">
            <v>63</v>
          </cell>
        </row>
        <row r="90">
          <cell r="T90">
            <v>0</v>
          </cell>
        </row>
        <row r="91">
          <cell r="B91" t="str">
            <v>2003-04 Programme</v>
          </cell>
          <cell r="T91">
            <v>0</v>
          </cell>
        </row>
        <row r="92">
          <cell r="B92" t="str">
            <v>Copthall - stairlift, ramp and and height adjustable furniture to 6th Form Centre</v>
          </cell>
          <cell r="C92" t="str">
            <v>M94827</v>
          </cell>
          <cell r="D92" t="str">
            <v>n/a</v>
          </cell>
          <cell r="E92" t="str">
            <v>n/a</v>
          </cell>
          <cell r="F92">
            <v>21</v>
          </cell>
          <cell r="H92">
            <v>4</v>
          </cell>
          <cell r="I92">
            <v>4</v>
          </cell>
          <cell r="J92">
            <v>0</v>
          </cell>
          <cell r="T92">
            <v>25</v>
          </cell>
        </row>
        <row r="93">
          <cell r="B93" t="str">
            <v>Tudor - widen external doors, form additional ramps etc.</v>
          </cell>
          <cell r="C93" t="str">
            <v>M93300</v>
          </cell>
          <cell r="D93" t="str">
            <v>n/a</v>
          </cell>
          <cell r="E93" t="str">
            <v>n/a</v>
          </cell>
          <cell r="F93">
            <v>0</v>
          </cell>
          <cell r="H93">
            <v>35</v>
          </cell>
          <cell r="I93">
            <v>35</v>
          </cell>
          <cell r="J93">
            <v>0</v>
          </cell>
          <cell r="T93">
            <v>35</v>
          </cell>
        </row>
        <row r="94">
          <cell r="B94" t="str">
            <v>Ashmole - install lift to retained building to provide whole school accessability</v>
          </cell>
          <cell r="D94" t="str">
            <v>n/a</v>
          </cell>
          <cell r="E94" t="str">
            <v>n/a</v>
          </cell>
          <cell r="F94">
            <v>0</v>
          </cell>
          <cell r="H94">
            <v>112</v>
          </cell>
          <cell r="J94">
            <v>-112</v>
          </cell>
          <cell r="K94" t="str">
            <v xml:space="preserve">Works carried out as part of larger project for refurbishment of original admin block as centre for performing arts. Works understood to have been completed around end Mar/early April 2005  </v>
          </cell>
          <cell r="T94">
            <v>112</v>
          </cell>
        </row>
        <row r="95">
          <cell r="B95" t="str">
            <v>Hendon - HIP unit improvements</v>
          </cell>
          <cell r="C95" t="str">
            <v>M94829</v>
          </cell>
          <cell r="D95" t="str">
            <v>n/a</v>
          </cell>
          <cell r="E95" t="str">
            <v>n/a</v>
          </cell>
          <cell r="F95">
            <v>9</v>
          </cell>
          <cell r="H95">
            <v>25</v>
          </cell>
          <cell r="I95">
            <v>25</v>
          </cell>
          <cell r="J95">
            <v>0</v>
          </cell>
          <cell r="T95">
            <v>34</v>
          </cell>
        </row>
        <row r="96">
          <cell r="B96" t="str">
            <v>Moss Hall Nursery - provide ramped access</v>
          </cell>
          <cell r="C96" t="str">
            <v>M93301</v>
          </cell>
          <cell r="D96" t="str">
            <v>n/a</v>
          </cell>
          <cell r="E96" t="str">
            <v>n/a</v>
          </cell>
          <cell r="F96">
            <v>0</v>
          </cell>
          <cell r="H96">
            <v>18</v>
          </cell>
          <cell r="I96">
            <v>9</v>
          </cell>
          <cell r="J96">
            <v>-9</v>
          </cell>
          <cell r="T96">
            <v>18</v>
          </cell>
        </row>
        <row r="97">
          <cell r="B97" t="str">
            <v>Moss Hall Infants - install Physically Handicapped WC and stairlifts</v>
          </cell>
          <cell r="C97" t="str">
            <v>M93302</v>
          </cell>
          <cell r="D97" t="str">
            <v>n/a</v>
          </cell>
          <cell r="E97" t="str">
            <v>n/a</v>
          </cell>
          <cell r="F97">
            <v>18</v>
          </cell>
          <cell r="H97">
            <v>6</v>
          </cell>
          <cell r="I97">
            <v>6</v>
          </cell>
          <cell r="J97">
            <v>0</v>
          </cell>
          <cell r="T97">
            <v>24</v>
          </cell>
        </row>
        <row r="98">
          <cell r="B98" t="str">
            <v>The Compton</v>
          </cell>
          <cell r="D98" t="str">
            <v>n/a</v>
          </cell>
          <cell r="E98" t="str">
            <v>n/a</v>
          </cell>
          <cell r="F98">
            <v>0</v>
          </cell>
          <cell r="L98">
            <v>10</v>
          </cell>
          <cell r="T98">
            <v>10</v>
          </cell>
        </row>
        <row r="99">
          <cell r="B99" t="str">
            <v>Woodridge - link lobby from Reception Class to main building</v>
          </cell>
          <cell r="C99" t="str">
            <v>M93303</v>
          </cell>
          <cell r="D99" t="str">
            <v>n/a</v>
          </cell>
          <cell r="E99" t="str">
            <v>n/a</v>
          </cell>
          <cell r="F99">
            <v>0</v>
          </cell>
          <cell r="H99">
            <v>6</v>
          </cell>
          <cell r="I99">
            <v>6</v>
          </cell>
          <cell r="J99">
            <v>0</v>
          </cell>
          <cell r="T99">
            <v>6</v>
          </cell>
        </row>
        <row r="100">
          <cell r="B100" t="str">
            <v>Chalgrove - scheme from previous year programme (previous Supplementary Credit Approval expired)</v>
          </cell>
          <cell r="D100" t="str">
            <v>n/a</v>
          </cell>
          <cell r="E100" t="str">
            <v>n/a</v>
          </cell>
          <cell r="F100">
            <v>77</v>
          </cell>
          <cell r="J100">
            <v>0</v>
          </cell>
          <cell r="T100">
            <v>77</v>
          </cell>
        </row>
        <row r="101">
          <cell r="B101" t="str">
            <v>Oak Lodge - works to demountable; unfunded liabilities from previous years programmes</v>
          </cell>
          <cell r="D101" t="str">
            <v>n/a</v>
          </cell>
          <cell r="E101" t="str">
            <v>n/a</v>
          </cell>
          <cell r="F101">
            <v>50</v>
          </cell>
          <cell r="J101">
            <v>0</v>
          </cell>
          <cell r="T101">
            <v>50</v>
          </cell>
        </row>
        <row r="102">
          <cell r="T102">
            <v>0</v>
          </cell>
        </row>
        <row r="103">
          <cell r="B103" t="str">
            <v>Programmes financed by Supplementary Credit Approval</v>
          </cell>
          <cell r="T103">
            <v>0</v>
          </cell>
        </row>
        <row r="104">
          <cell r="T104">
            <v>0</v>
          </cell>
        </row>
        <row r="105">
          <cell r="B105" t="str">
            <v>2004-05 Programme</v>
          </cell>
          <cell r="T105">
            <v>0</v>
          </cell>
        </row>
        <row r="106">
          <cell r="B106" t="str">
            <v xml:space="preserve">Foulds 1 - Welfare Extension (part of a larger project) </v>
          </cell>
          <cell r="D106" t="str">
            <v>n/a</v>
          </cell>
          <cell r="E106" t="str">
            <v>n/a</v>
          </cell>
          <cell r="L106">
            <v>22</v>
          </cell>
          <cell r="T106">
            <v>22</v>
          </cell>
        </row>
        <row r="107">
          <cell r="B107" t="str">
            <v>Livingstone  - Step lift and adaptations</v>
          </cell>
          <cell r="C107" t="str">
            <v>M93305</v>
          </cell>
          <cell r="D107" t="str">
            <v>n/a</v>
          </cell>
          <cell r="E107" t="str">
            <v>n/a</v>
          </cell>
          <cell r="H107">
            <v>30</v>
          </cell>
          <cell r="I107">
            <v>30</v>
          </cell>
          <cell r="J107">
            <v>0</v>
          </cell>
          <cell r="T107">
            <v>30</v>
          </cell>
        </row>
        <row r="108">
          <cell r="B108" t="str">
            <v>Dollis Junior - New doors and ramps</v>
          </cell>
          <cell r="D108" t="str">
            <v>n/a</v>
          </cell>
          <cell r="E108" t="str">
            <v>n/a</v>
          </cell>
          <cell r="J108">
            <v>0</v>
          </cell>
          <cell r="L108">
            <v>9</v>
          </cell>
          <cell r="T108">
            <v>9</v>
          </cell>
        </row>
        <row r="109">
          <cell r="B109" t="str">
            <v>Wessex - Pool access, changing facilites and platform lift</v>
          </cell>
          <cell r="D109" t="str">
            <v>n/a</v>
          </cell>
          <cell r="E109" t="str">
            <v>n/a</v>
          </cell>
          <cell r="H109">
            <v>15</v>
          </cell>
          <cell r="J109">
            <v>-15</v>
          </cell>
          <cell r="K109" t="str">
            <v>Commencing Jun 05 - Sept 05</v>
          </cell>
          <cell r="L109">
            <v>76</v>
          </cell>
          <cell r="T109">
            <v>91</v>
          </cell>
        </row>
        <row r="110">
          <cell r="B110" t="str">
            <v>Tudor - SEN support room</v>
          </cell>
          <cell r="D110" t="str">
            <v>n/a</v>
          </cell>
          <cell r="E110" t="str">
            <v>n/a</v>
          </cell>
          <cell r="H110">
            <v>74</v>
          </cell>
          <cell r="J110">
            <v>-74</v>
          </cell>
          <cell r="K110" t="str">
            <v>Works carried out  as part of school funded project for expansion of staffroom. Charges awaited.</v>
          </cell>
          <cell r="T110">
            <v>74</v>
          </cell>
        </row>
        <row r="111">
          <cell r="B111" t="str">
            <v>Garden Suburb Junior - install ramps and toilet for the disabled</v>
          </cell>
          <cell r="C111" t="str">
            <v>M93309</v>
          </cell>
          <cell r="D111" t="str">
            <v>n/a</v>
          </cell>
          <cell r="E111" t="str">
            <v>n/a</v>
          </cell>
          <cell r="H111">
            <v>6</v>
          </cell>
          <cell r="I111">
            <v>6</v>
          </cell>
          <cell r="J111">
            <v>0</v>
          </cell>
          <cell r="T111">
            <v>6</v>
          </cell>
        </row>
        <row r="112">
          <cell r="B112" t="str">
            <v>Church Hill - install ramps and toilet for the disabled</v>
          </cell>
          <cell r="C112" t="str">
            <v>M93352</v>
          </cell>
          <cell r="D112" t="str">
            <v>n/a</v>
          </cell>
          <cell r="E112" t="str">
            <v>n/a</v>
          </cell>
          <cell r="H112">
            <v>35</v>
          </cell>
          <cell r="I112">
            <v>7</v>
          </cell>
          <cell r="J112">
            <v>-28</v>
          </cell>
          <cell r="T112">
            <v>35</v>
          </cell>
        </row>
        <row r="113">
          <cell r="B113" t="str">
            <v>Copthall - Physically Disabled independent access controls and hoist</v>
          </cell>
          <cell r="C113" t="str">
            <v>M94831</v>
          </cell>
          <cell r="D113" t="str">
            <v>n/a</v>
          </cell>
          <cell r="E113" t="str">
            <v>n/a</v>
          </cell>
          <cell r="H113">
            <v>35</v>
          </cell>
          <cell r="I113">
            <v>32</v>
          </cell>
          <cell r="J113">
            <v>-3</v>
          </cell>
          <cell r="L113">
            <v>1</v>
          </cell>
          <cell r="T113">
            <v>36</v>
          </cell>
        </row>
        <row r="114">
          <cell r="B114" t="str">
            <v>Mill Hill Phase 1 of 2 - whole school accessibility</v>
          </cell>
          <cell r="C114" t="str">
            <v>M94832</v>
          </cell>
          <cell r="D114" t="str">
            <v>n/a</v>
          </cell>
          <cell r="E114" t="str">
            <v>n/a</v>
          </cell>
          <cell r="H114">
            <v>40</v>
          </cell>
          <cell r="J114">
            <v>-40</v>
          </cell>
          <cell r="K114" t="str">
            <v>Works understood to be committed but not yet carried out</v>
          </cell>
          <cell r="L114">
            <v>47</v>
          </cell>
          <cell r="T114">
            <v>87</v>
          </cell>
        </row>
        <row r="115">
          <cell r="B115" t="str">
            <v>Hendon - Hearing Impaired Unit - alterations and improvements</v>
          </cell>
          <cell r="C115" t="str">
            <v>M94833</v>
          </cell>
          <cell r="D115" t="str">
            <v>n/a</v>
          </cell>
          <cell r="E115" t="str">
            <v>n/a</v>
          </cell>
          <cell r="H115">
            <v>22</v>
          </cell>
          <cell r="I115">
            <v>22</v>
          </cell>
          <cell r="J115">
            <v>0</v>
          </cell>
          <cell r="T115">
            <v>22</v>
          </cell>
        </row>
        <row r="116">
          <cell r="A116" t="str">
            <v>E60</v>
          </cell>
          <cell r="B116" t="str">
            <v>Schools  Access  Initiatives</v>
          </cell>
          <cell r="T116">
            <v>0</v>
          </cell>
        </row>
        <row r="117">
          <cell r="B117" t="str">
            <v>Future years programmes</v>
          </cell>
          <cell r="L117">
            <v>411</v>
          </cell>
          <cell r="N117">
            <v>416</v>
          </cell>
          <cell r="P117">
            <v>416</v>
          </cell>
          <cell r="T117">
            <v>1243</v>
          </cell>
        </row>
        <row r="118">
          <cell r="B118" t="str">
            <v>Programmes to be determined</v>
          </cell>
          <cell r="T118">
            <v>0</v>
          </cell>
        </row>
        <row r="119">
          <cell r="B119" t="str">
            <v>Programmes from 2004-05 onwards - funded by borrowing - Supported Capital Expenditure (Revenue)</v>
          </cell>
          <cell r="T119">
            <v>0</v>
          </cell>
        </row>
        <row r="120">
          <cell r="T120">
            <v>0</v>
          </cell>
        </row>
        <row r="121">
          <cell r="A121" t="str">
            <v>E65/E66</v>
          </cell>
          <cell r="B121" t="str">
            <v>Secondary School Expansion</v>
          </cell>
          <cell r="T121">
            <v>0</v>
          </cell>
        </row>
        <row r="122">
          <cell r="B122" t="str">
            <v xml:space="preserve">Mill Hill School </v>
          </cell>
          <cell r="C122" t="str">
            <v>M94648</v>
          </cell>
          <cell r="D122" t="str">
            <v>n/a</v>
          </cell>
          <cell r="E122" t="str">
            <v>n/a</v>
          </cell>
          <cell r="F122">
            <v>3164</v>
          </cell>
          <cell r="H122">
            <v>175</v>
          </cell>
          <cell r="I122">
            <v>103</v>
          </cell>
          <cell r="J122">
            <v>-72</v>
          </cell>
          <cell r="K122" t="str">
            <v>Outstanding works to be completed - dispute</v>
          </cell>
          <cell r="T122">
            <v>3339</v>
          </cell>
        </row>
        <row r="123">
          <cell r="B123" t="str">
            <v>Scheme implemented by school</v>
          </cell>
          <cell r="T123">
            <v>0</v>
          </cell>
        </row>
        <row r="124">
          <cell r="T124">
            <v>0</v>
          </cell>
        </row>
        <row r="125">
          <cell r="A125" t="str">
            <v>E87</v>
          </cell>
          <cell r="B125" t="str">
            <v>Secondary Language Unit - The Edgware School</v>
          </cell>
          <cell r="C125" t="str">
            <v>M94653</v>
          </cell>
          <cell r="D125" t="str">
            <v>n/a</v>
          </cell>
          <cell r="E125" t="str">
            <v>n/a</v>
          </cell>
          <cell r="L125">
            <v>165</v>
          </cell>
          <cell r="T125">
            <v>165</v>
          </cell>
        </row>
        <row r="126">
          <cell r="B126" t="str">
            <v>Contribution to London Academy</v>
          </cell>
          <cell r="T126">
            <v>0</v>
          </cell>
        </row>
        <row r="127">
          <cell r="T127">
            <v>0</v>
          </cell>
        </row>
        <row r="128">
          <cell r="A128" t="str">
            <v>E88</v>
          </cell>
          <cell r="B128" t="str">
            <v>New Deals for Schools - Condition Funding</v>
          </cell>
          <cell r="T128">
            <v>0</v>
          </cell>
        </row>
        <row r="129">
          <cell r="B129" t="str">
            <v>2002-03  Programme</v>
          </cell>
          <cell r="T129">
            <v>0</v>
          </cell>
        </row>
        <row r="130">
          <cell r="B130" t="str">
            <v>Q.E. Girls pool block roof replacement</v>
          </cell>
          <cell r="C130" t="str">
            <v>M94859</v>
          </cell>
          <cell r="E130">
            <v>37773</v>
          </cell>
          <cell r="F130">
            <v>425</v>
          </cell>
          <cell r="H130">
            <v>43</v>
          </cell>
          <cell r="I130">
            <v>45</v>
          </cell>
          <cell r="J130">
            <v>2</v>
          </cell>
          <cell r="T130">
            <v>468</v>
          </cell>
        </row>
        <row r="131">
          <cell r="T131">
            <v>0</v>
          </cell>
        </row>
        <row r="132">
          <cell r="B132" t="str">
            <v>2003-04 Programme</v>
          </cell>
          <cell r="T132">
            <v>0</v>
          </cell>
        </row>
        <row r="133">
          <cell r="B133" t="str">
            <v xml:space="preserve"> Parkfield rewire</v>
          </cell>
          <cell r="C133" t="str">
            <v>M93609</v>
          </cell>
          <cell r="D133" t="str">
            <v>n/a</v>
          </cell>
          <cell r="E133" t="str">
            <v>n/a</v>
          </cell>
          <cell r="F133">
            <v>4</v>
          </cell>
          <cell r="H133">
            <v>6</v>
          </cell>
          <cell r="I133">
            <v>10</v>
          </cell>
          <cell r="J133">
            <v>4</v>
          </cell>
          <cell r="T133">
            <v>10</v>
          </cell>
        </row>
        <row r="134">
          <cell r="B134" t="str">
            <v xml:space="preserve"> Fairway drainage</v>
          </cell>
          <cell r="D134">
            <v>37803</v>
          </cell>
          <cell r="E134">
            <v>37834</v>
          </cell>
          <cell r="F134">
            <v>9</v>
          </cell>
          <cell r="J134">
            <v>0</v>
          </cell>
          <cell r="T134">
            <v>9</v>
          </cell>
        </row>
        <row r="135">
          <cell r="B135" t="str">
            <v xml:space="preserve"> Childs Hill Primary rewire</v>
          </cell>
          <cell r="C135" t="str">
            <v>M93612</v>
          </cell>
          <cell r="D135">
            <v>38139</v>
          </cell>
          <cell r="E135">
            <v>38261</v>
          </cell>
          <cell r="F135">
            <v>3</v>
          </cell>
          <cell r="H135">
            <v>52</v>
          </cell>
          <cell r="I135">
            <v>51</v>
          </cell>
          <cell r="J135">
            <v>-1</v>
          </cell>
          <cell r="T135">
            <v>55</v>
          </cell>
        </row>
        <row r="136">
          <cell r="B136" t="str">
            <v xml:space="preserve"> Tudor rewire</v>
          </cell>
          <cell r="C136" t="str">
            <v>M93613</v>
          </cell>
          <cell r="D136">
            <v>38169</v>
          </cell>
          <cell r="E136">
            <v>38443</v>
          </cell>
          <cell r="F136">
            <v>7</v>
          </cell>
          <cell r="H136">
            <v>176</v>
          </cell>
          <cell r="I136">
            <v>112</v>
          </cell>
          <cell r="J136">
            <v>-64</v>
          </cell>
          <cell r="L136">
            <v>4</v>
          </cell>
          <cell r="T136">
            <v>187</v>
          </cell>
        </row>
        <row r="137">
          <cell r="B137" t="str">
            <v xml:space="preserve"> Manorside rewire</v>
          </cell>
          <cell r="C137" t="str">
            <v>M93614</v>
          </cell>
          <cell r="D137">
            <v>38018</v>
          </cell>
          <cell r="E137">
            <v>38169</v>
          </cell>
          <cell r="F137">
            <v>29</v>
          </cell>
          <cell r="H137">
            <v>188</v>
          </cell>
          <cell r="I137">
            <v>174</v>
          </cell>
          <cell r="J137">
            <v>-14</v>
          </cell>
          <cell r="L137">
            <v>4</v>
          </cell>
          <cell r="T137">
            <v>221</v>
          </cell>
        </row>
        <row r="138">
          <cell r="B138" t="str">
            <v xml:space="preserve"> Garden Suburb rewire</v>
          </cell>
          <cell r="C138" t="str">
            <v>M93615</v>
          </cell>
          <cell r="D138">
            <v>38018</v>
          </cell>
          <cell r="E138">
            <v>38200</v>
          </cell>
          <cell r="F138">
            <v>14</v>
          </cell>
          <cell r="H138">
            <v>213</v>
          </cell>
          <cell r="I138">
            <v>206</v>
          </cell>
          <cell r="J138">
            <v>-7</v>
          </cell>
          <cell r="L138">
            <v>5</v>
          </cell>
          <cell r="T138">
            <v>232</v>
          </cell>
        </row>
        <row r="139">
          <cell r="B139" t="str">
            <v xml:space="preserve"> Underhill Infants rewire</v>
          </cell>
          <cell r="C139" t="str">
            <v>M93616</v>
          </cell>
          <cell r="D139">
            <v>38018</v>
          </cell>
          <cell r="E139">
            <v>38200</v>
          </cell>
          <cell r="F139">
            <v>49</v>
          </cell>
          <cell r="H139">
            <v>146</v>
          </cell>
          <cell r="I139">
            <v>141</v>
          </cell>
          <cell r="J139">
            <v>-5</v>
          </cell>
          <cell r="L139">
            <v>3</v>
          </cell>
          <cell r="T139">
            <v>198</v>
          </cell>
        </row>
        <row r="140">
          <cell r="B140" t="str">
            <v xml:space="preserve"> Underhill Infants boiler</v>
          </cell>
          <cell r="E140">
            <v>37834</v>
          </cell>
          <cell r="F140">
            <v>40</v>
          </cell>
          <cell r="H140">
            <v>3</v>
          </cell>
          <cell r="J140">
            <v>-3</v>
          </cell>
          <cell r="T140">
            <v>43</v>
          </cell>
        </row>
        <row r="141">
          <cell r="B141" t="str">
            <v xml:space="preserve"> Summerside asbestos</v>
          </cell>
          <cell r="F141">
            <v>83</v>
          </cell>
          <cell r="J141">
            <v>0</v>
          </cell>
          <cell r="T141">
            <v>83</v>
          </cell>
        </row>
        <row r="142">
          <cell r="B142" t="str">
            <v xml:space="preserve"> Wessex Gardens roof</v>
          </cell>
          <cell r="C142" t="str">
            <v>M93619</v>
          </cell>
          <cell r="D142">
            <v>38200</v>
          </cell>
          <cell r="E142">
            <v>38292</v>
          </cell>
          <cell r="F142">
            <v>11</v>
          </cell>
          <cell r="H142">
            <v>233</v>
          </cell>
          <cell r="I142">
            <v>233</v>
          </cell>
          <cell r="J142">
            <v>0</v>
          </cell>
          <cell r="L142">
            <v>6</v>
          </cell>
          <cell r="T142">
            <v>250</v>
          </cell>
        </row>
        <row r="143">
          <cell r="B143" t="str">
            <v xml:space="preserve"> Parkfield drainage</v>
          </cell>
          <cell r="D143">
            <v>37803</v>
          </cell>
          <cell r="E143">
            <v>37834</v>
          </cell>
          <cell r="F143">
            <v>48</v>
          </cell>
          <cell r="T143">
            <v>48</v>
          </cell>
        </row>
        <row r="144">
          <cell r="B144" t="str">
            <v xml:space="preserve"> Grasvenor Horsa Hut</v>
          </cell>
          <cell r="D144">
            <v>38169</v>
          </cell>
          <cell r="E144">
            <v>38200</v>
          </cell>
          <cell r="F144">
            <v>24</v>
          </cell>
          <cell r="T144">
            <v>24</v>
          </cell>
        </row>
        <row r="145">
          <cell r="B145" t="str">
            <v xml:space="preserve"> Manorside kitchen</v>
          </cell>
          <cell r="D145">
            <v>37834</v>
          </cell>
          <cell r="E145">
            <v>37865</v>
          </cell>
          <cell r="F145">
            <v>85</v>
          </cell>
          <cell r="T145">
            <v>85</v>
          </cell>
        </row>
        <row r="146">
          <cell r="A146" t="str">
            <v>E88</v>
          </cell>
          <cell r="B146" t="str">
            <v>New Deals for Schools - Condition Funding 2003-04 Programme continued</v>
          </cell>
          <cell r="T146">
            <v>0</v>
          </cell>
        </row>
        <row r="147">
          <cell r="B147" t="str">
            <v xml:space="preserve"> Tudor kitchen phase 3</v>
          </cell>
          <cell r="D147">
            <v>38169</v>
          </cell>
          <cell r="E147">
            <v>38231</v>
          </cell>
          <cell r="F147">
            <v>38</v>
          </cell>
          <cell r="T147">
            <v>38</v>
          </cell>
        </row>
        <row r="148">
          <cell r="B148" t="str">
            <v xml:space="preserve"> Fairway Primary kitchen</v>
          </cell>
          <cell r="D148">
            <v>37803</v>
          </cell>
          <cell r="E148">
            <v>37834</v>
          </cell>
          <cell r="F148">
            <v>123</v>
          </cell>
          <cell r="T148">
            <v>123</v>
          </cell>
        </row>
        <row r="149">
          <cell r="B149" t="str">
            <v xml:space="preserve"> Wessex Gardens kitchen</v>
          </cell>
          <cell r="D149" t="str">
            <v>tbd</v>
          </cell>
          <cell r="E149" t="str">
            <v>tbd</v>
          </cell>
          <cell r="F149">
            <v>0</v>
          </cell>
          <cell r="L149">
            <v>39</v>
          </cell>
          <cell r="T149">
            <v>39</v>
          </cell>
        </row>
        <row r="150">
          <cell r="B150" t="str">
            <v xml:space="preserve"> Church Hill Primary kitchen</v>
          </cell>
          <cell r="C150" t="str">
            <v>M93628</v>
          </cell>
          <cell r="D150">
            <v>38200</v>
          </cell>
          <cell r="E150">
            <v>38261</v>
          </cell>
          <cell r="F150">
            <v>1</v>
          </cell>
          <cell r="H150">
            <v>188</v>
          </cell>
          <cell r="I150">
            <v>189</v>
          </cell>
          <cell r="J150">
            <v>1</v>
          </cell>
          <cell r="T150">
            <v>189</v>
          </cell>
        </row>
        <row r="151">
          <cell r="B151" t="str">
            <v xml:space="preserve"> Dollis Infants water/drainage</v>
          </cell>
          <cell r="C151" t="str">
            <v>M93630</v>
          </cell>
          <cell r="D151">
            <v>38169</v>
          </cell>
          <cell r="E151">
            <v>38231</v>
          </cell>
          <cell r="F151">
            <v>93</v>
          </cell>
          <cell r="H151">
            <v>1</v>
          </cell>
          <cell r="I151">
            <v>4</v>
          </cell>
          <cell r="J151">
            <v>3</v>
          </cell>
          <cell r="T151">
            <v>94</v>
          </cell>
        </row>
        <row r="152">
          <cell r="B152" t="str">
            <v>Goldbeaters - works required by OFSTED</v>
          </cell>
          <cell r="C152" t="str">
            <v>M93632</v>
          </cell>
          <cell r="D152">
            <v>38078</v>
          </cell>
          <cell r="E152">
            <v>38139</v>
          </cell>
          <cell r="F152">
            <v>10</v>
          </cell>
          <cell r="H152">
            <v>6</v>
          </cell>
          <cell r="I152">
            <v>13</v>
          </cell>
          <cell r="J152">
            <v>7</v>
          </cell>
          <cell r="T152">
            <v>16</v>
          </cell>
        </row>
        <row r="153">
          <cell r="B153" t="str">
            <v xml:space="preserve"> Friern Barnet Secondary window renewal</v>
          </cell>
          <cell r="C153" t="str">
            <v>M94865</v>
          </cell>
          <cell r="D153">
            <v>38169</v>
          </cell>
          <cell r="E153">
            <v>38322</v>
          </cell>
          <cell r="F153">
            <v>80</v>
          </cell>
          <cell r="H153">
            <v>303</v>
          </cell>
          <cell r="I153">
            <v>282</v>
          </cell>
          <cell r="J153">
            <v>-21</v>
          </cell>
          <cell r="L153">
            <v>8</v>
          </cell>
          <cell r="T153">
            <v>391</v>
          </cell>
        </row>
        <row r="154">
          <cell r="B154" t="str">
            <v xml:space="preserve"> Friern Barnet Secondary roof</v>
          </cell>
          <cell r="C154" t="str">
            <v>M94866</v>
          </cell>
          <cell r="D154">
            <v>38169</v>
          </cell>
          <cell r="E154">
            <v>38231</v>
          </cell>
          <cell r="F154">
            <v>22</v>
          </cell>
          <cell r="H154">
            <v>3</v>
          </cell>
          <cell r="I154">
            <v>3</v>
          </cell>
          <cell r="J154">
            <v>0</v>
          </cell>
          <cell r="T154">
            <v>25</v>
          </cell>
        </row>
        <row r="155">
          <cell r="B155" t="str">
            <v xml:space="preserve"> Oak Lodge toilet refurbishment</v>
          </cell>
          <cell r="C155" t="str">
            <v>M95042</v>
          </cell>
          <cell r="D155">
            <v>37926</v>
          </cell>
          <cell r="E155">
            <v>37956</v>
          </cell>
          <cell r="F155">
            <v>40</v>
          </cell>
          <cell r="H155">
            <v>5</v>
          </cell>
          <cell r="I155">
            <v>5</v>
          </cell>
          <cell r="J155">
            <v>0</v>
          </cell>
          <cell r="T155">
            <v>45</v>
          </cell>
        </row>
        <row r="156">
          <cell r="T156">
            <v>0</v>
          </cell>
        </row>
        <row r="157">
          <cell r="A157" t="str">
            <v>E89</v>
          </cell>
          <cell r="B157" t="str">
            <v>New Deals for Schools Devolved Formula</v>
          </cell>
          <cell r="D157" t="str">
            <v>n/a</v>
          </cell>
          <cell r="E157" t="str">
            <v>n/a</v>
          </cell>
          <cell r="H157">
            <v>2951</v>
          </cell>
          <cell r="J157">
            <v>-2951</v>
          </cell>
          <cell r="L157">
            <v>3035</v>
          </cell>
          <cell r="N157">
            <v>3809</v>
          </cell>
          <cell r="P157">
            <v>4009</v>
          </cell>
          <cell r="T157">
            <v>13804</v>
          </cell>
        </row>
        <row r="158">
          <cell r="J158">
            <v>0</v>
          </cell>
          <cell r="T158">
            <v>0</v>
          </cell>
        </row>
        <row r="159">
          <cell r="A159" t="str">
            <v>E90</v>
          </cell>
          <cell r="B159" t="str">
            <v>Seed Challenge  2004-05 - grant funded</v>
          </cell>
          <cell r="D159" t="str">
            <v>n/a</v>
          </cell>
          <cell r="E159" t="str">
            <v>n/a</v>
          </cell>
          <cell r="H159">
            <v>4</v>
          </cell>
          <cell r="J159">
            <v>-4</v>
          </cell>
          <cell r="L159">
            <v>366</v>
          </cell>
          <cell r="T159">
            <v>370</v>
          </cell>
        </row>
        <row r="160">
          <cell r="B160" t="str">
            <v>Seed Challenge funding is withdrawn after 2004/05</v>
          </cell>
          <cell r="J160">
            <v>0</v>
          </cell>
          <cell r="T160">
            <v>0</v>
          </cell>
        </row>
        <row r="162">
          <cell r="A162" t="str">
            <v>E95</v>
          </cell>
          <cell r="B162" t="str">
            <v>LEA Liability at VA Schools re major capital schemes</v>
          </cell>
          <cell r="T162">
            <v>0</v>
          </cell>
        </row>
        <row r="163">
          <cell r="B163" t="str">
            <v>Bishop Douglas - replacement of hutted classrooms with new block</v>
          </cell>
          <cell r="C163" t="str">
            <v>M94927</v>
          </cell>
          <cell r="D163" t="str">
            <v>n/a</v>
          </cell>
          <cell r="E163" t="str">
            <v>n/a</v>
          </cell>
          <cell r="F163">
            <v>86</v>
          </cell>
          <cell r="H163">
            <v>24</v>
          </cell>
          <cell r="J163">
            <v>-24</v>
          </cell>
          <cell r="T163">
            <v>110</v>
          </cell>
        </row>
        <row r="164">
          <cell r="J164">
            <v>0</v>
          </cell>
          <cell r="T164">
            <v>0</v>
          </cell>
        </row>
        <row r="165">
          <cell r="A165" t="str">
            <v>E96</v>
          </cell>
          <cell r="B165" t="str">
            <v>Queenswell Junior - expansion</v>
          </cell>
          <cell r="J165">
            <v>0</v>
          </cell>
          <cell r="T165">
            <v>0</v>
          </cell>
        </row>
        <row r="166">
          <cell r="B166" t="str">
            <v>Main scheme</v>
          </cell>
          <cell r="C166" t="str">
            <v>M93339</v>
          </cell>
          <cell r="E166">
            <v>37834</v>
          </cell>
          <cell r="F166">
            <v>1481</v>
          </cell>
          <cell r="H166">
            <v>26</v>
          </cell>
          <cell r="I166">
            <v>51</v>
          </cell>
          <cell r="J166">
            <v>25</v>
          </cell>
          <cell r="K166" t="str">
            <v>Agreement of Final Account</v>
          </cell>
          <cell r="T166">
            <v>1507</v>
          </cell>
        </row>
        <row r="167">
          <cell r="B167" t="str">
            <v>Relocation of demountable to Oak Lodge School</v>
          </cell>
          <cell r="F167">
            <v>50</v>
          </cell>
          <cell r="J167">
            <v>0</v>
          </cell>
          <cell r="T167">
            <v>50</v>
          </cell>
        </row>
        <row r="168">
          <cell r="B168" t="str">
            <v>Relocation of demountable to Bell Lane School</v>
          </cell>
          <cell r="C168" t="str">
            <v>M93346</v>
          </cell>
          <cell r="F168">
            <v>63</v>
          </cell>
          <cell r="J168">
            <v>0</v>
          </cell>
          <cell r="T168">
            <v>63</v>
          </cell>
        </row>
        <row r="169">
          <cell r="J169">
            <v>0</v>
          </cell>
          <cell r="T169">
            <v>0</v>
          </cell>
        </row>
        <row r="170">
          <cell r="A170" t="str">
            <v>E97</v>
          </cell>
          <cell r="B170" t="str">
            <v>Ashmole School - redevelopment</v>
          </cell>
          <cell r="C170" t="str">
            <v>M94651</v>
          </cell>
          <cell r="D170" t="str">
            <v>n/a</v>
          </cell>
          <cell r="E170" t="str">
            <v>n/a</v>
          </cell>
          <cell r="F170">
            <v>2664</v>
          </cell>
          <cell r="H170">
            <v>586</v>
          </cell>
          <cell r="I170">
            <v>310</v>
          </cell>
          <cell r="J170">
            <v>-276</v>
          </cell>
          <cell r="K170" t="str">
            <v>Final instalment of LEA's contribution to school's redevelopment was paid in April 2005.</v>
          </cell>
          <cell r="T170">
            <v>3250</v>
          </cell>
        </row>
        <row r="171">
          <cell r="B171" t="str">
            <v>Contribution to school scheme</v>
          </cell>
          <cell r="J171">
            <v>0</v>
          </cell>
          <cell r="T171">
            <v>0</v>
          </cell>
        </row>
        <row r="172">
          <cell r="J172">
            <v>0</v>
          </cell>
          <cell r="T172">
            <v>0</v>
          </cell>
        </row>
        <row r="173">
          <cell r="A173" t="str">
            <v>E101</v>
          </cell>
          <cell r="B173" t="str">
            <v>Moss Hall Nursery</v>
          </cell>
          <cell r="C173" t="str">
            <v>M93350</v>
          </cell>
          <cell r="E173">
            <v>38353</v>
          </cell>
          <cell r="F173">
            <v>127</v>
          </cell>
          <cell r="H173">
            <v>10</v>
          </cell>
          <cell r="J173">
            <v>-10</v>
          </cell>
          <cell r="T173">
            <v>137</v>
          </cell>
        </row>
        <row r="174">
          <cell r="B174" t="str">
            <v>£54,000 funding from Government grants</v>
          </cell>
          <cell r="J174">
            <v>0</v>
          </cell>
          <cell r="T174">
            <v>0</v>
          </cell>
        </row>
        <row r="175">
          <cell r="J175">
            <v>0</v>
          </cell>
          <cell r="T175">
            <v>0</v>
          </cell>
        </row>
        <row r="176">
          <cell r="A176" t="str">
            <v>E102</v>
          </cell>
          <cell r="B176" t="str">
            <v>The Compton School - expansion</v>
          </cell>
          <cell r="J176">
            <v>0</v>
          </cell>
          <cell r="T176">
            <v>0</v>
          </cell>
        </row>
        <row r="177">
          <cell r="B177" t="str">
            <v>Main Scheme</v>
          </cell>
          <cell r="C177" t="str">
            <v>M94652</v>
          </cell>
          <cell r="D177">
            <v>37987</v>
          </cell>
          <cell r="E177">
            <v>38626</v>
          </cell>
          <cell r="F177">
            <v>798</v>
          </cell>
          <cell r="H177">
            <v>1500</v>
          </cell>
          <cell r="I177">
            <v>2038</v>
          </cell>
          <cell r="J177">
            <v>538</v>
          </cell>
          <cell r="K177" t="str">
            <v>Project on target</v>
          </cell>
          <cell r="L177">
            <v>2408</v>
          </cell>
          <cell r="T177">
            <v>4706</v>
          </cell>
        </row>
        <row r="178">
          <cell r="B178" t="str">
            <v>Multi Use Games Area</v>
          </cell>
          <cell r="C178" t="str">
            <v>M94655</v>
          </cell>
          <cell r="D178">
            <v>37865</v>
          </cell>
          <cell r="E178">
            <v>37895</v>
          </cell>
          <cell r="F178">
            <v>297</v>
          </cell>
          <cell r="I178">
            <v>19</v>
          </cell>
          <cell r="J178">
            <v>19</v>
          </cell>
          <cell r="K178" t="str">
            <v>Works carried out as part of main scheme</v>
          </cell>
          <cell r="L178">
            <v>27</v>
          </cell>
          <cell r="T178">
            <v>324</v>
          </cell>
        </row>
        <row r="179">
          <cell r="J179">
            <v>0</v>
          </cell>
          <cell r="T179">
            <v>0</v>
          </cell>
        </row>
        <row r="180">
          <cell r="B180" t="str">
            <v>Fire officer works</v>
          </cell>
          <cell r="D180">
            <v>38139</v>
          </cell>
          <cell r="E180">
            <v>38231</v>
          </cell>
          <cell r="H180">
            <v>173</v>
          </cell>
          <cell r="J180">
            <v>-173</v>
          </cell>
          <cell r="K180" t="str">
            <v xml:space="preserve">Fire officer works- costs included in main scheme </v>
          </cell>
          <cell r="T180">
            <v>173</v>
          </cell>
        </row>
        <row r="181">
          <cell r="B181" t="str">
            <v>Funded from Modernisation - All Schools Need (E107a)</v>
          </cell>
          <cell r="J181">
            <v>0</v>
          </cell>
          <cell r="T181">
            <v>0</v>
          </cell>
        </row>
        <row r="182">
          <cell r="B182" t="str">
            <v>Lift Works</v>
          </cell>
          <cell r="H182">
            <v>70</v>
          </cell>
          <cell r="J182">
            <v>-70</v>
          </cell>
          <cell r="K182" t="str">
            <v>To be carried out as part of main contract works</v>
          </cell>
          <cell r="T182">
            <v>70</v>
          </cell>
        </row>
        <row r="183">
          <cell r="B183" t="str">
            <v>Funded from School Access Initiatives Programme</v>
          </cell>
          <cell r="J183">
            <v>0</v>
          </cell>
          <cell r="T183">
            <v>0</v>
          </cell>
        </row>
        <row r="184">
          <cell r="J184">
            <v>0</v>
          </cell>
          <cell r="T184">
            <v>0</v>
          </cell>
        </row>
        <row r="185">
          <cell r="A185" t="str">
            <v>E104</v>
          </cell>
          <cell r="B185" t="str">
            <v>Frith Manor</v>
          </cell>
          <cell r="J185">
            <v>0</v>
          </cell>
          <cell r="T185">
            <v>0</v>
          </cell>
        </row>
        <row r="186">
          <cell r="B186" t="str">
            <v>Rebuild and redevelopment after fire</v>
          </cell>
          <cell r="F186">
            <v>772</v>
          </cell>
          <cell r="H186">
            <v>1985</v>
          </cell>
          <cell r="J186">
            <v>-1985</v>
          </cell>
          <cell r="L186">
            <v>3114</v>
          </cell>
          <cell r="N186">
            <v>860</v>
          </cell>
          <cell r="P186">
            <v>65</v>
          </cell>
          <cell r="T186">
            <v>6796</v>
          </cell>
        </row>
        <row r="187">
          <cell r="B187" t="str">
            <v>Phase 1 - enabling works, new extension, caretakers house and adaptations to EXG lock</v>
          </cell>
          <cell r="C187" t="str">
            <v>M93344</v>
          </cell>
          <cell r="D187">
            <v>37803</v>
          </cell>
          <cell r="E187">
            <v>38322</v>
          </cell>
          <cell r="I187">
            <v>1949</v>
          </cell>
          <cell r="J187">
            <v>1949</v>
          </cell>
          <cell r="K187" t="str">
            <v>Project on target</v>
          </cell>
          <cell r="T187">
            <v>0</v>
          </cell>
        </row>
        <row r="188">
          <cell r="B188" t="str">
            <v>Phase 2</v>
          </cell>
          <cell r="C188" t="str">
            <v>M93354</v>
          </cell>
          <cell r="D188">
            <v>37622</v>
          </cell>
          <cell r="E188">
            <v>38961</v>
          </cell>
          <cell r="I188">
            <v>307</v>
          </cell>
          <cell r="J188">
            <v>307</v>
          </cell>
          <cell r="K188" t="str">
            <v>Project on target</v>
          </cell>
          <cell r="T188">
            <v>0</v>
          </cell>
        </row>
        <row r="189">
          <cell r="B189" t="str">
            <v>Insurance funding of £1.6m.  E88 New Deals for Schools Condition funding £31k.  Balance of funding from Council resources</v>
          </cell>
          <cell r="J189">
            <v>0</v>
          </cell>
          <cell r="T189">
            <v>0</v>
          </cell>
        </row>
        <row r="190">
          <cell r="B190" t="str">
            <v>Extended rental of temporary accommodation</v>
          </cell>
          <cell r="C190" t="str">
            <v>M93344 110 / 220</v>
          </cell>
          <cell r="D190">
            <v>38200</v>
          </cell>
          <cell r="E190">
            <v>38869</v>
          </cell>
          <cell r="H190">
            <v>61</v>
          </cell>
          <cell r="I190">
            <v>81</v>
          </cell>
          <cell r="J190">
            <v>20</v>
          </cell>
          <cell r="K190" t="str">
            <v>Costs on same code as man scheme.</v>
          </cell>
          <cell r="L190">
            <v>105</v>
          </cell>
          <cell r="N190">
            <v>26</v>
          </cell>
          <cell r="T190">
            <v>192</v>
          </cell>
        </row>
        <row r="191">
          <cell r="B191" t="str">
            <v>Funding from E107a School Modernisation - All Schools Need above</v>
          </cell>
          <cell r="T191">
            <v>0</v>
          </cell>
        </row>
        <row r="192">
          <cell r="B192" t="str">
            <v>Provision of temporary hot meals facility</v>
          </cell>
          <cell r="D192">
            <v>38322</v>
          </cell>
          <cell r="E192">
            <v>38322</v>
          </cell>
          <cell r="H192">
            <v>15</v>
          </cell>
          <cell r="J192">
            <v>-15</v>
          </cell>
          <cell r="K192" t="str">
            <v>Works to kitchen in 2005-6</v>
          </cell>
          <cell r="T192">
            <v>15</v>
          </cell>
        </row>
        <row r="193">
          <cell r="B193" t="str">
            <v>Funding from E107a School Modernisation - All Schools Need above</v>
          </cell>
          <cell r="J193">
            <v>0</v>
          </cell>
          <cell r="T193">
            <v>0</v>
          </cell>
        </row>
        <row r="194">
          <cell r="J194">
            <v>0</v>
          </cell>
          <cell r="T194">
            <v>0</v>
          </cell>
        </row>
        <row r="195">
          <cell r="A195" t="str">
            <v>E105</v>
          </cell>
          <cell r="B195" t="str">
            <v>Neighbourhood Nursery Initiative - Barnfield School</v>
          </cell>
          <cell r="C195" t="str">
            <v>M93345</v>
          </cell>
          <cell r="F195">
            <v>203</v>
          </cell>
          <cell r="H195">
            <v>72</v>
          </cell>
          <cell r="I195">
            <v>82</v>
          </cell>
          <cell r="J195">
            <v>10</v>
          </cell>
          <cell r="T195">
            <v>275</v>
          </cell>
        </row>
        <row r="196">
          <cell r="J196">
            <v>0</v>
          </cell>
          <cell r="T196">
            <v>0</v>
          </cell>
        </row>
        <row r="197">
          <cell r="A197" t="str">
            <v>E106</v>
          </cell>
          <cell r="B197" t="str">
            <v>Education Management Information System (EMIS)</v>
          </cell>
          <cell r="C197" t="str">
            <v>G93614</v>
          </cell>
          <cell r="D197">
            <v>38108</v>
          </cell>
          <cell r="E197">
            <v>38412</v>
          </cell>
          <cell r="H197">
            <v>278</v>
          </cell>
          <cell r="I197">
            <v>263</v>
          </cell>
          <cell r="J197">
            <v>-15</v>
          </cell>
          <cell r="K197" t="str">
            <v>Some costs delayed; project completion due Aug 2005</v>
          </cell>
          <cell r="L197">
            <v>75</v>
          </cell>
          <cell r="T197">
            <v>353</v>
          </cell>
        </row>
        <row r="198">
          <cell r="J198">
            <v>0</v>
          </cell>
          <cell r="T198">
            <v>0</v>
          </cell>
        </row>
        <row r="199">
          <cell r="A199" t="str">
            <v>E107a</v>
          </cell>
          <cell r="B199" t="str">
            <v>Modernisation - all schools need 2004-05</v>
          </cell>
          <cell r="J199">
            <v>0</v>
          </cell>
          <cell r="T199">
            <v>0</v>
          </cell>
        </row>
        <row r="200">
          <cell r="B200" t="str">
            <v>Building Condition works</v>
          </cell>
          <cell r="J200">
            <v>0</v>
          </cell>
          <cell r="T200">
            <v>0</v>
          </cell>
        </row>
        <row r="201">
          <cell r="B201" t="str">
            <v>Garden Suburb Junior structural works to dining room</v>
          </cell>
          <cell r="C201" t="str">
            <v>M93620</v>
          </cell>
          <cell r="D201">
            <v>38169</v>
          </cell>
          <cell r="E201">
            <v>38200</v>
          </cell>
          <cell r="H201">
            <v>50</v>
          </cell>
          <cell r="I201">
            <v>50</v>
          </cell>
          <cell r="J201">
            <v>0</v>
          </cell>
          <cell r="T201">
            <v>50</v>
          </cell>
        </row>
        <row r="202">
          <cell r="B202" t="str">
            <v xml:space="preserve"> Edgware Junior kitchen</v>
          </cell>
          <cell r="C202" t="str">
            <v>M93623</v>
          </cell>
          <cell r="D202" t="str">
            <v>tbd</v>
          </cell>
          <cell r="E202" t="str">
            <v>tbd</v>
          </cell>
          <cell r="F202">
            <v>4</v>
          </cell>
          <cell r="I202">
            <v>2</v>
          </cell>
          <cell r="J202">
            <v>2</v>
          </cell>
          <cell r="L202">
            <v>40</v>
          </cell>
          <cell r="T202">
            <v>44</v>
          </cell>
        </row>
        <row r="203">
          <cell r="B203" t="str">
            <v>Dollis Infants Heating</v>
          </cell>
          <cell r="C203" t="str">
            <v>M93634</v>
          </cell>
          <cell r="D203">
            <v>38108</v>
          </cell>
          <cell r="E203">
            <v>38261</v>
          </cell>
          <cell r="H203">
            <v>170</v>
          </cell>
          <cell r="I203">
            <v>173</v>
          </cell>
          <cell r="J203">
            <v>3</v>
          </cell>
          <cell r="L203">
            <v>4</v>
          </cell>
          <cell r="T203">
            <v>174</v>
          </cell>
        </row>
        <row r="204">
          <cell r="B204" t="str">
            <v>Colindale - boiler</v>
          </cell>
          <cell r="C204" t="str">
            <v>M93635</v>
          </cell>
          <cell r="D204">
            <v>38169</v>
          </cell>
          <cell r="E204">
            <v>38261</v>
          </cell>
          <cell r="H204">
            <v>123</v>
          </cell>
          <cell r="I204">
            <v>129</v>
          </cell>
          <cell r="J204">
            <v>6</v>
          </cell>
          <cell r="L204">
            <v>3</v>
          </cell>
          <cell r="T204">
            <v>126</v>
          </cell>
        </row>
        <row r="205">
          <cell r="B205" t="str">
            <v>Moss Hall Junior - pool rewire</v>
          </cell>
          <cell r="C205" t="str">
            <v>M93637</v>
          </cell>
          <cell r="D205" t="str">
            <v>tbd</v>
          </cell>
          <cell r="E205" t="str">
            <v>tbd</v>
          </cell>
          <cell r="I205">
            <v>1</v>
          </cell>
          <cell r="J205">
            <v>1</v>
          </cell>
          <cell r="L205">
            <v>12</v>
          </cell>
          <cell r="T205">
            <v>12</v>
          </cell>
        </row>
        <row r="206">
          <cell r="B206" t="str">
            <v>Monkfrith - rewire</v>
          </cell>
          <cell r="C206" t="str">
            <v>M93638</v>
          </cell>
          <cell r="D206" t="str">
            <v>tbd</v>
          </cell>
          <cell r="E206" t="str">
            <v>tbd</v>
          </cell>
          <cell r="H206">
            <v>5</v>
          </cell>
          <cell r="I206">
            <v>5</v>
          </cell>
          <cell r="J206">
            <v>0</v>
          </cell>
          <cell r="L206">
            <v>183</v>
          </cell>
          <cell r="N206">
            <v>5</v>
          </cell>
          <cell r="T206">
            <v>193</v>
          </cell>
        </row>
        <row r="207">
          <cell r="B207" t="str">
            <v>Danegrove - rewire (Annexe)</v>
          </cell>
          <cell r="C207" t="str">
            <v>M93639</v>
          </cell>
          <cell r="D207" t="str">
            <v>tbd</v>
          </cell>
          <cell r="E207">
            <v>38596</v>
          </cell>
          <cell r="H207">
            <v>30</v>
          </cell>
          <cell r="I207">
            <v>3</v>
          </cell>
          <cell r="J207">
            <v>-27</v>
          </cell>
          <cell r="K207" t="str">
            <v>Problem with Listed building</v>
          </cell>
          <cell r="T207">
            <v>30</v>
          </cell>
        </row>
        <row r="208">
          <cell r="B208" t="str">
            <v>Cromer Road - boilers</v>
          </cell>
          <cell r="C208" t="str">
            <v>M93640</v>
          </cell>
          <cell r="D208">
            <v>38200</v>
          </cell>
          <cell r="E208">
            <v>38261</v>
          </cell>
          <cell r="H208">
            <v>48</v>
          </cell>
          <cell r="I208">
            <v>51</v>
          </cell>
          <cell r="J208">
            <v>3</v>
          </cell>
          <cell r="L208">
            <v>1</v>
          </cell>
          <cell r="T208">
            <v>49</v>
          </cell>
        </row>
        <row r="209">
          <cell r="B209" t="str">
            <v>Underhill Junior - rewire</v>
          </cell>
          <cell r="C209" t="str">
            <v>M93641</v>
          </cell>
          <cell r="D209" t="str">
            <v>tbd</v>
          </cell>
          <cell r="E209" t="str">
            <v>tbd</v>
          </cell>
          <cell r="I209">
            <v>1</v>
          </cell>
          <cell r="J209">
            <v>1</v>
          </cell>
          <cell r="T209">
            <v>0</v>
          </cell>
        </row>
        <row r="210">
          <cell r="B210" t="str">
            <v>Summerside Heating replacement Phase 3</v>
          </cell>
          <cell r="C210" t="str">
            <v>M93642</v>
          </cell>
          <cell r="D210">
            <v>38169</v>
          </cell>
          <cell r="E210">
            <v>38261</v>
          </cell>
          <cell r="H210">
            <v>43</v>
          </cell>
          <cell r="I210">
            <v>36</v>
          </cell>
          <cell r="J210">
            <v>-7</v>
          </cell>
          <cell r="L210">
            <v>1</v>
          </cell>
          <cell r="T210">
            <v>44</v>
          </cell>
        </row>
        <row r="211">
          <cell r="B211" t="str">
            <v>Monkfrith - Improve servery arrangements</v>
          </cell>
          <cell r="C211" t="str">
            <v>M93643</v>
          </cell>
          <cell r="D211">
            <v>38139</v>
          </cell>
          <cell r="E211">
            <v>38200</v>
          </cell>
          <cell r="H211">
            <v>22</v>
          </cell>
          <cell r="I211">
            <v>21</v>
          </cell>
          <cell r="J211">
            <v>-1</v>
          </cell>
          <cell r="L211">
            <v>1</v>
          </cell>
          <cell r="T211">
            <v>23</v>
          </cell>
        </row>
        <row r="212">
          <cell r="B212" t="str">
            <v>Underhill Infants - new equipment and counters</v>
          </cell>
          <cell r="C212" t="str">
            <v>M93644</v>
          </cell>
          <cell r="D212">
            <v>38139</v>
          </cell>
          <cell r="E212">
            <v>38200</v>
          </cell>
          <cell r="H212">
            <v>39</v>
          </cell>
          <cell r="I212">
            <v>40</v>
          </cell>
          <cell r="J212">
            <v>1</v>
          </cell>
          <cell r="L212">
            <v>1</v>
          </cell>
          <cell r="T212">
            <v>40</v>
          </cell>
        </row>
        <row r="213">
          <cell r="B213" t="str">
            <v>Barnfield - kitchen reorganisation</v>
          </cell>
          <cell r="C213" t="str">
            <v>M93645</v>
          </cell>
          <cell r="D213" t="str">
            <v>tbd</v>
          </cell>
          <cell r="E213" t="str">
            <v>tbd</v>
          </cell>
          <cell r="H213">
            <v>1</v>
          </cell>
          <cell r="I213">
            <v>1</v>
          </cell>
          <cell r="J213">
            <v>0</v>
          </cell>
          <cell r="L213">
            <v>28</v>
          </cell>
          <cell r="N213">
            <v>1</v>
          </cell>
          <cell r="T213">
            <v>30</v>
          </cell>
        </row>
        <row r="214">
          <cell r="B214" t="str">
            <v>Bell Lane Demolition (NOF enable)</v>
          </cell>
          <cell r="C214" t="str">
            <v>M93646</v>
          </cell>
          <cell r="D214">
            <v>38565</v>
          </cell>
          <cell r="E214">
            <v>38596</v>
          </cell>
          <cell r="H214">
            <v>3</v>
          </cell>
          <cell r="I214">
            <v>3</v>
          </cell>
          <cell r="J214">
            <v>0</v>
          </cell>
          <cell r="L214">
            <v>57</v>
          </cell>
          <cell r="T214">
            <v>60</v>
          </cell>
        </row>
        <row r="215">
          <cell r="B215" t="str">
            <v>Danegrove Structural Repairs</v>
          </cell>
          <cell r="C215" t="str">
            <v>M93647</v>
          </cell>
          <cell r="D215">
            <v>38261</v>
          </cell>
          <cell r="E215">
            <v>38261</v>
          </cell>
          <cell r="H215">
            <v>18</v>
          </cell>
          <cell r="I215">
            <v>15</v>
          </cell>
          <cell r="J215">
            <v>-3</v>
          </cell>
          <cell r="T215">
            <v>18</v>
          </cell>
        </row>
        <row r="216">
          <cell r="B216" t="str">
            <v>Moss Hall Junior Replacement of glazed wall</v>
          </cell>
          <cell r="D216" t="str">
            <v>tbd</v>
          </cell>
          <cell r="E216" t="str">
            <v>tbd</v>
          </cell>
          <cell r="H216">
            <v>5</v>
          </cell>
          <cell r="J216">
            <v>-5</v>
          </cell>
          <cell r="L216">
            <v>49</v>
          </cell>
          <cell r="N216">
            <v>1</v>
          </cell>
          <cell r="T216">
            <v>55</v>
          </cell>
        </row>
        <row r="217">
          <cell r="B217" t="str">
            <v>Barnet Hill Demolition &amp; reinstatement</v>
          </cell>
          <cell r="C217" t="str">
            <v>M93649</v>
          </cell>
          <cell r="D217">
            <v>38200</v>
          </cell>
          <cell r="E217">
            <v>38261</v>
          </cell>
          <cell r="H217">
            <v>13</v>
          </cell>
          <cell r="I217">
            <v>13</v>
          </cell>
          <cell r="J217">
            <v>0</v>
          </cell>
          <cell r="T217">
            <v>13</v>
          </cell>
        </row>
        <row r="218">
          <cell r="B218" t="str">
            <v>Cromer Road Relocation of Ashmole demountable</v>
          </cell>
          <cell r="C218" t="str">
            <v>M93650</v>
          </cell>
          <cell r="D218">
            <v>38169</v>
          </cell>
          <cell r="E218">
            <v>38231</v>
          </cell>
          <cell r="H218">
            <v>60</v>
          </cell>
          <cell r="I218">
            <v>61</v>
          </cell>
          <cell r="J218">
            <v>1</v>
          </cell>
          <cell r="L218">
            <v>1</v>
          </cell>
          <cell r="T218">
            <v>61</v>
          </cell>
        </row>
        <row r="219">
          <cell r="B219" t="str">
            <v>Edgware Junior Boiler</v>
          </cell>
          <cell r="C219" t="str">
            <v>M93651</v>
          </cell>
          <cell r="D219">
            <v>38200</v>
          </cell>
          <cell r="E219">
            <v>38231</v>
          </cell>
          <cell r="H219">
            <v>55</v>
          </cell>
          <cell r="I219">
            <v>59</v>
          </cell>
          <cell r="J219">
            <v>4</v>
          </cell>
          <cell r="L219">
            <v>1</v>
          </cell>
          <cell r="T219">
            <v>56</v>
          </cell>
        </row>
        <row r="220">
          <cell r="B220" t="str">
            <v>Coppetts Wood Boiler</v>
          </cell>
          <cell r="C220" t="str">
            <v>M93652</v>
          </cell>
          <cell r="D220">
            <v>38200</v>
          </cell>
          <cell r="E220">
            <v>38261</v>
          </cell>
          <cell r="H220">
            <v>61</v>
          </cell>
          <cell r="I220">
            <v>70</v>
          </cell>
          <cell r="J220">
            <v>9</v>
          </cell>
          <cell r="L220">
            <v>1</v>
          </cell>
          <cell r="T220">
            <v>62</v>
          </cell>
        </row>
        <row r="221">
          <cell r="B221" t="str">
            <v>Tudor Boiler</v>
          </cell>
          <cell r="C221" t="str">
            <v>M93653</v>
          </cell>
          <cell r="D221">
            <v>38200</v>
          </cell>
          <cell r="E221">
            <v>38231</v>
          </cell>
          <cell r="H221">
            <v>140</v>
          </cell>
          <cell r="I221">
            <v>140</v>
          </cell>
          <cell r="J221">
            <v>0</v>
          </cell>
          <cell r="L221">
            <v>3</v>
          </cell>
          <cell r="T221">
            <v>143</v>
          </cell>
        </row>
        <row r="222">
          <cell r="B222" t="str">
            <v>Cromer Road - Roof repairs</v>
          </cell>
          <cell r="C222" t="str">
            <v>M93655</v>
          </cell>
          <cell r="D222">
            <v>38261</v>
          </cell>
          <cell r="E222">
            <v>38322</v>
          </cell>
          <cell r="H222">
            <v>14</v>
          </cell>
          <cell r="I222">
            <v>11</v>
          </cell>
          <cell r="J222">
            <v>-3</v>
          </cell>
          <cell r="L222">
            <v>1</v>
          </cell>
          <cell r="T222">
            <v>15</v>
          </cell>
        </row>
        <row r="223">
          <cell r="B223" t="str">
            <v>Parkfield - kitchen</v>
          </cell>
          <cell r="C223" t="str">
            <v>M93654</v>
          </cell>
          <cell r="D223">
            <v>38200</v>
          </cell>
          <cell r="E223">
            <v>38261</v>
          </cell>
          <cell r="H223">
            <v>24</v>
          </cell>
          <cell r="I223">
            <v>10</v>
          </cell>
          <cell r="J223">
            <v>-14</v>
          </cell>
          <cell r="L223">
            <v>1</v>
          </cell>
          <cell r="T223">
            <v>25</v>
          </cell>
        </row>
        <row r="224">
          <cell r="B224" t="str">
            <v>Friern Barnet Secondary - Fire Doors</v>
          </cell>
          <cell r="C224" t="str">
            <v>M94867</v>
          </cell>
          <cell r="D224">
            <v>38261</v>
          </cell>
          <cell r="E224">
            <v>38322</v>
          </cell>
          <cell r="H224">
            <v>22</v>
          </cell>
          <cell r="I224">
            <v>15</v>
          </cell>
          <cell r="J224">
            <v>-7</v>
          </cell>
          <cell r="T224">
            <v>22</v>
          </cell>
        </row>
        <row r="225">
          <cell r="B225" t="str">
            <v>The Compton - concrete repairs</v>
          </cell>
          <cell r="D225" t="str">
            <v>tbd</v>
          </cell>
          <cell r="E225" t="str">
            <v>tbd</v>
          </cell>
          <cell r="J225">
            <v>0</v>
          </cell>
          <cell r="L225">
            <v>159</v>
          </cell>
          <cell r="T225">
            <v>159</v>
          </cell>
        </row>
        <row r="226">
          <cell r="B226" t="str">
            <v>Christs College - roof</v>
          </cell>
          <cell r="C226" t="str">
            <v>M94869</v>
          </cell>
          <cell r="D226" t="str">
            <v>tbd</v>
          </cell>
          <cell r="E226" t="str">
            <v>tbd</v>
          </cell>
          <cell r="H226">
            <v>1</v>
          </cell>
          <cell r="I226">
            <v>10</v>
          </cell>
          <cell r="J226">
            <v>9</v>
          </cell>
          <cell r="L226">
            <v>85</v>
          </cell>
          <cell r="N226">
            <v>2</v>
          </cell>
          <cell r="T226">
            <v>88</v>
          </cell>
        </row>
        <row r="227">
          <cell r="B227" t="str">
            <v>Friern Barnet - concrete repairs</v>
          </cell>
          <cell r="C227" t="str">
            <v>M94870</v>
          </cell>
          <cell r="D227">
            <v>38200</v>
          </cell>
          <cell r="E227">
            <v>38200</v>
          </cell>
          <cell r="H227">
            <v>69</v>
          </cell>
          <cell r="I227">
            <v>62</v>
          </cell>
          <cell r="J227">
            <v>-7</v>
          </cell>
          <cell r="T227">
            <v>69</v>
          </cell>
        </row>
        <row r="228">
          <cell r="B228" t="str">
            <v>Friern Barnet - Demolition of Horsa Hut</v>
          </cell>
          <cell r="C228" t="str">
            <v>M94871</v>
          </cell>
          <cell r="D228">
            <v>38200</v>
          </cell>
          <cell r="E228">
            <v>38200</v>
          </cell>
          <cell r="H228">
            <v>24</v>
          </cell>
          <cell r="I228">
            <v>27</v>
          </cell>
          <cell r="J228">
            <v>3</v>
          </cell>
          <cell r="T228">
            <v>24</v>
          </cell>
        </row>
        <row r="229">
          <cell r="B229" t="str">
            <v>Ravenscroft - Emergency Lighting</v>
          </cell>
          <cell r="C229" t="str">
            <v>M94872</v>
          </cell>
          <cell r="D229">
            <v>38261</v>
          </cell>
          <cell r="E229">
            <v>38261</v>
          </cell>
          <cell r="H229">
            <v>11</v>
          </cell>
          <cell r="I229">
            <v>10</v>
          </cell>
          <cell r="J229">
            <v>-1</v>
          </cell>
          <cell r="T229">
            <v>11</v>
          </cell>
        </row>
        <row r="230">
          <cell r="B230" t="str">
            <v>Oak Lodge - New Hot Water system</v>
          </cell>
          <cell r="C230" t="str">
            <v>M95043</v>
          </cell>
          <cell r="D230">
            <v>38169</v>
          </cell>
          <cell r="E230">
            <v>38231</v>
          </cell>
          <cell r="H230">
            <v>28</v>
          </cell>
          <cell r="I230">
            <v>29</v>
          </cell>
          <cell r="J230">
            <v>1</v>
          </cell>
          <cell r="L230">
            <v>1</v>
          </cell>
          <cell r="T230">
            <v>29</v>
          </cell>
        </row>
        <row r="231">
          <cell r="B231" t="str">
            <v>Contingency</v>
          </cell>
          <cell r="H231">
            <v>145</v>
          </cell>
          <cell r="J231">
            <v>-145</v>
          </cell>
          <cell r="K231" t="str">
            <v>Unused contingency to be carried forward</v>
          </cell>
          <cell r="T231">
            <v>145</v>
          </cell>
        </row>
        <row r="232">
          <cell r="B232" t="str">
            <v>Not included in Capital Programme</v>
          </cell>
          <cell r="T232">
            <v>0</v>
          </cell>
        </row>
        <row r="233">
          <cell r="B233" t="str">
            <v>Coppetts Wood emergency Lighting</v>
          </cell>
          <cell r="C233" t="str">
            <v>M93657</v>
          </cell>
          <cell r="J233">
            <v>0</v>
          </cell>
          <cell r="T233">
            <v>0</v>
          </cell>
        </row>
        <row r="234">
          <cell r="B234" t="str">
            <v>Grasvenor - Horsa Hut</v>
          </cell>
          <cell r="C234" t="str">
            <v>M93622</v>
          </cell>
          <cell r="I234">
            <v>1</v>
          </cell>
          <cell r="J234">
            <v>1</v>
          </cell>
        </row>
        <row r="235">
          <cell r="B235" t="str">
            <v>Other (non Building Condition) schemes</v>
          </cell>
          <cell r="T235">
            <v>0</v>
          </cell>
        </row>
        <row r="236">
          <cell r="B236" t="str">
            <v>Woodcroft - amalgamation of Infants and Junior</v>
          </cell>
          <cell r="C236" t="str">
            <v>M93349</v>
          </cell>
          <cell r="E236">
            <v>38231</v>
          </cell>
          <cell r="H236">
            <v>244</v>
          </cell>
          <cell r="I236">
            <v>170</v>
          </cell>
          <cell r="J236">
            <v>-74</v>
          </cell>
          <cell r="K236" t="str">
            <v>Some works carried forward to 05/06.</v>
          </cell>
          <cell r="L236">
            <v>6</v>
          </cell>
          <cell r="T236">
            <v>250</v>
          </cell>
        </row>
        <row r="237">
          <cell r="B237" t="str">
            <v>Broadfields - form new staffroom and combined admin facility</v>
          </cell>
          <cell r="C237" t="str">
            <v>M93658</v>
          </cell>
          <cell r="H237">
            <v>35</v>
          </cell>
          <cell r="I237">
            <v>32</v>
          </cell>
          <cell r="J237">
            <v>-3</v>
          </cell>
          <cell r="T237">
            <v>35</v>
          </cell>
        </row>
        <row r="238">
          <cell r="B238" t="str">
            <v>Clitterhouse - relocation of demountable from The Compton</v>
          </cell>
          <cell r="H238">
            <v>50</v>
          </cell>
          <cell r="J238">
            <v>-50</v>
          </cell>
          <cell r="K238" t="str">
            <v>Works currently in hand in 05/06.</v>
          </cell>
          <cell r="T238">
            <v>50</v>
          </cell>
        </row>
        <row r="239">
          <cell r="B239" t="str">
            <v>Childs Hill - emergency asbestos works</v>
          </cell>
          <cell r="C239" t="str">
            <v>M93656</v>
          </cell>
          <cell r="H239">
            <v>3</v>
          </cell>
          <cell r="I239">
            <v>7</v>
          </cell>
          <cell r="J239">
            <v>4</v>
          </cell>
          <cell r="T239">
            <v>3</v>
          </cell>
        </row>
        <row r="240">
          <cell r="J240">
            <v>0</v>
          </cell>
          <cell r="T240">
            <v>0</v>
          </cell>
        </row>
        <row r="241">
          <cell r="B241" t="str">
            <v>To be programmed</v>
          </cell>
          <cell r="J241">
            <v>0</v>
          </cell>
          <cell r="L241">
            <v>339</v>
          </cell>
          <cell r="T241">
            <v>339</v>
          </cell>
        </row>
        <row r="242">
          <cell r="B242" t="str">
            <v>The remaining budget is being used for E102 The Compton (173k), E104 Frith Manor (238k) and E115 Parkfield School (120k), shown elsewhere in this Capital Programme.</v>
          </cell>
          <cell r="J242">
            <v>0</v>
          </cell>
          <cell r="T242">
            <v>0</v>
          </cell>
        </row>
        <row r="243">
          <cell r="B243" t="str">
            <v>Funding:- two thirds by Supported Capital Expenditure (Revenue) i.e. borrowing; one third Supported Capital Expenditure (Capital) i.e. Capital Grant</v>
          </cell>
          <cell r="J243">
            <v>0</v>
          </cell>
          <cell r="T243">
            <v>0</v>
          </cell>
        </row>
        <row r="244">
          <cell r="J244">
            <v>0</v>
          </cell>
          <cell r="T244">
            <v>0</v>
          </cell>
        </row>
        <row r="245">
          <cell r="A245" t="str">
            <v>E107a</v>
          </cell>
          <cell r="B245" t="str">
            <v>Modernisation - all schools need - grant allocation 2005-06</v>
          </cell>
          <cell r="J245">
            <v>0</v>
          </cell>
          <cell r="L245">
            <v>805</v>
          </cell>
          <cell r="T245">
            <v>805</v>
          </cell>
        </row>
        <row r="246">
          <cell r="B246" t="str">
            <v>Funding:- Supported Capital Expenditure (Capital)</v>
          </cell>
          <cell r="J246">
            <v>0</v>
          </cell>
          <cell r="T246">
            <v>0</v>
          </cell>
        </row>
        <row r="247">
          <cell r="B247" t="str">
            <v>£1,201k of this allocation is included under E115 Parkfield School below</v>
          </cell>
          <cell r="J247">
            <v>0</v>
          </cell>
          <cell r="T247">
            <v>0</v>
          </cell>
        </row>
        <row r="248">
          <cell r="J248">
            <v>0</v>
          </cell>
          <cell r="T248">
            <v>0</v>
          </cell>
        </row>
        <row r="249">
          <cell r="A249" t="str">
            <v>E107b</v>
          </cell>
          <cell r="B249" t="str">
            <v xml:space="preserve">Modernisation - primary school need </v>
          </cell>
          <cell r="H249">
            <v>0</v>
          </cell>
          <cell r="J249">
            <v>0</v>
          </cell>
          <cell r="L249">
            <v>242</v>
          </cell>
          <cell r="N249">
            <v>2081</v>
          </cell>
          <cell r="P249">
            <v>1281</v>
          </cell>
          <cell r="T249">
            <v>3604</v>
          </cell>
        </row>
        <row r="250">
          <cell r="B250" t="str">
            <v>Funding:- 2004-05 and 2005-06 Supported Capital Expenditure (Capital);  2006-07 and 2007-08 Supported Capital Expenditure (Revenue)</v>
          </cell>
          <cell r="J250">
            <v>0</v>
          </cell>
          <cell r="T250">
            <v>0</v>
          </cell>
        </row>
        <row r="251">
          <cell r="B251" t="str">
            <v>The entire 2004-05 allocation of 1.385m, 1.305m of the 2005-06 allocation of 1.547m and 0.8m of the 2007-08 allocation of 2.081m are included under E115 Parkfield school below.</v>
          </cell>
          <cell r="J251">
            <v>0</v>
          </cell>
          <cell r="T251">
            <v>0</v>
          </cell>
        </row>
        <row r="252">
          <cell r="T252">
            <v>0</v>
          </cell>
        </row>
        <row r="253">
          <cell r="A253" t="str">
            <v>E107c</v>
          </cell>
          <cell r="B253" t="str">
            <v xml:space="preserve">New pupil places - formulaic </v>
          </cell>
          <cell r="L253">
            <v>1352</v>
          </cell>
          <cell r="N253">
            <v>850</v>
          </cell>
          <cell r="P253">
            <v>863</v>
          </cell>
          <cell r="T253">
            <v>3065</v>
          </cell>
        </row>
        <row r="254">
          <cell r="B254" t="str">
            <v>Programme to be determined</v>
          </cell>
          <cell r="T254">
            <v>0</v>
          </cell>
        </row>
        <row r="255">
          <cell r="B255" t="str">
            <v>Funding - Supported Capital Expenditure (Revenue)</v>
          </cell>
          <cell r="T255">
            <v>0</v>
          </cell>
        </row>
        <row r="256">
          <cell r="T256">
            <v>0</v>
          </cell>
        </row>
        <row r="257">
          <cell r="A257" t="str">
            <v>E107d</v>
          </cell>
          <cell r="B257" t="str">
            <v>Modernisation - secondary</v>
          </cell>
          <cell r="N257">
            <v>1865</v>
          </cell>
          <cell r="P257">
            <v>1922</v>
          </cell>
          <cell r="T257">
            <v>3787</v>
          </cell>
        </row>
        <row r="258">
          <cell r="B258" t="str">
            <v>Funding:- Supported Capital Expenditure (Revenue)</v>
          </cell>
          <cell r="T258">
            <v>0</v>
          </cell>
        </row>
        <row r="259">
          <cell r="T259">
            <v>0</v>
          </cell>
        </row>
        <row r="260">
          <cell r="A260" t="str">
            <v>E108</v>
          </cell>
          <cell r="B260" t="str">
            <v>Surestart</v>
          </cell>
          <cell r="T260">
            <v>0</v>
          </cell>
        </row>
        <row r="261">
          <cell r="A261" t="str">
            <v>E108a</v>
          </cell>
          <cell r="B261" t="str">
            <v>Underhill Ward - location to be decided</v>
          </cell>
          <cell r="L261">
            <v>75</v>
          </cell>
          <cell r="T261">
            <v>75</v>
          </cell>
        </row>
        <row r="262">
          <cell r="A262" t="str">
            <v>E108b</v>
          </cell>
          <cell r="B262" t="str">
            <v>Wingfield Children and Family Centre - One stop shop</v>
          </cell>
          <cell r="H262">
            <v>50</v>
          </cell>
          <cell r="J262">
            <v>-50</v>
          </cell>
          <cell r="K262" t="str">
            <v>Currently being procured following DfES approval</v>
          </cell>
          <cell r="L262">
            <v>100</v>
          </cell>
          <cell r="T262">
            <v>150</v>
          </cell>
        </row>
        <row r="263">
          <cell r="B263" t="str">
            <v>Funded by grant</v>
          </cell>
          <cell r="J263">
            <v>0</v>
          </cell>
          <cell r="T263">
            <v>0</v>
          </cell>
        </row>
        <row r="264">
          <cell r="B264" t="str">
            <v>The main Surestart Grant (£1m) is being applied to the scheme at Parkfield (E115)</v>
          </cell>
          <cell r="J264">
            <v>0</v>
          </cell>
          <cell r="T264">
            <v>0</v>
          </cell>
        </row>
        <row r="265">
          <cell r="J265">
            <v>0</v>
          </cell>
          <cell r="T265">
            <v>0</v>
          </cell>
        </row>
        <row r="266">
          <cell r="A266" t="str">
            <v>E109</v>
          </cell>
          <cell r="B266" t="str">
            <v>Big Lottery Fund Schemes</v>
          </cell>
          <cell r="J266">
            <v>0</v>
          </cell>
          <cell r="T266">
            <v>0</v>
          </cell>
        </row>
        <row r="267">
          <cell r="B267" t="str">
            <v>Bell Lane - Sports Hall</v>
          </cell>
          <cell r="C267" t="str">
            <v>M93701</v>
          </cell>
          <cell r="D267">
            <v>38322</v>
          </cell>
          <cell r="E267">
            <v>38565</v>
          </cell>
          <cell r="F267">
            <v>28</v>
          </cell>
          <cell r="H267">
            <v>150</v>
          </cell>
          <cell r="I267">
            <v>116</v>
          </cell>
          <cell r="J267">
            <v>-34</v>
          </cell>
          <cell r="K267" t="str">
            <v>Works currently in hand, some delay due to inclement weather</v>
          </cell>
          <cell r="L267">
            <v>610</v>
          </cell>
          <cell r="T267">
            <v>788</v>
          </cell>
        </row>
        <row r="268">
          <cell r="B268" t="str">
            <v>Moss Hall Junior School - Changing room refurbishment</v>
          </cell>
          <cell r="D268">
            <v>38504</v>
          </cell>
          <cell r="E268" t="str">
            <v>tbd</v>
          </cell>
          <cell r="J268">
            <v>0</v>
          </cell>
          <cell r="L268">
            <v>244</v>
          </cell>
          <cell r="N268">
            <v>11</v>
          </cell>
          <cell r="T268">
            <v>255</v>
          </cell>
        </row>
        <row r="269">
          <cell r="B269" t="str">
            <v>Oak Lodge School - Multi Use Games Area</v>
          </cell>
          <cell r="D269">
            <v>38504</v>
          </cell>
          <cell r="E269" t="str">
            <v>tbd</v>
          </cell>
          <cell r="J269">
            <v>0</v>
          </cell>
          <cell r="L269">
            <v>224</v>
          </cell>
          <cell r="N269">
            <v>16</v>
          </cell>
          <cell r="T269">
            <v>240</v>
          </cell>
        </row>
        <row r="270">
          <cell r="B270" t="str">
            <v>Borough Playground scheme 7 sites - line markings</v>
          </cell>
          <cell r="D270">
            <v>38443</v>
          </cell>
          <cell r="E270" t="str">
            <v>tbd</v>
          </cell>
          <cell r="J270">
            <v>0</v>
          </cell>
          <cell r="L270">
            <v>150</v>
          </cell>
          <cell r="N270">
            <v>1</v>
          </cell>
          <cell r="T270">
            <v>151</v>
          </cell>
        </row>
        <row r="271">
          <cell r="B271" t="str">
            <v>Whitings Hill Primary - Multi Use Games Area</v>
          </cell>
          <cell r="D271">
            <v>38504</v>
          </cell>
          <cell r="E271" t="str">
            <v>tbd</v>
          </cell>
          <cell r="J271">
            <v>0</v>
          </cell>
          <cell r="L271">
            <v>216</v>
          </cell>
          <cell r="N271">
            <v>14</v>
          </cell>
          <cell r="T271">
            <v>230</v>
          </cell>
        </row>
        <row r="272">
          <cell r="J272">
            <v>0</v>
          </cell>
          <cell r="T272">
            <v>0</v>
          </cell>
        </row>
        <row r="273">
          <cell r="B273" t="str">
            <v>Funded by NOF grant, Modernisation - All Schools Need (2005-06) and contributions from other bodies</v>
          </cell>
          <cell r="J273">
            <v>0</v>
          </cell>
          <cell r="T273">
            <v>0</v>
          </cell>
        </row>
        <row r="274">
          <cell r="J274">
            <v>0</v>
          </cell>
          <cell r="T274">
            <v>0</v>
          </cell>
        </row>
        <row r="275">
          <cell r="A275" t="str">
            <v>E110</v>
          </cell>
          <cell r="B275" t="str">
            <v>Livingstone JMI - new Nursery and Autistic Nursery</v>
          </cell>
          <cell r="C275" t="str">
            <v>M93347</v>
          </cell>
          <cell r="D275">
            <v>38169</v>
          </cell>
          <cell r="E275">
            <v>38261</v>
          </cell>
          <cell r="H275">
            <v>220</v>
          </cell>
          <cell r="I275">
            <v>225</v>
          </cell>
          <cell r="J275">
            <v>5</v>
          </cell>
          <cell r="T275">
            <v>220</v>
          </cell>
        </row>
        <row r="276">
          <cell r="B276" t="str">
            <v>31k School contribution</v>
          </cell>
          <cell r="J276">
            <v>0</v>
          </cell>
          <cell r="T276">
            <v>0</v>
          </cell>
        </row>
        <row r="277">
          <cell r="J277">
            <v>0</v>
          </cell>
          <cell r="T277">
            <v>0</v>
          </cell>
        </row>
        <row r="278">
          <cell r="A278" t="str">
            <v>E111</v>
          </cell>
          <cell r="B278" t="str">
            <v>Underhill Infants - new Nursery</v>
          </cell>
          <cell r="C278" t="str">
            <v>M93351</v>
          </cell>
          <cell r="D278" t="str">
            <v>tbd</v>
          </cell>
          <cell r="E278" t="str">
            <v>tbd</v>
          </cell>
          <cell r="I278">
            <v>7</v>
          </cell>
          <cell r="J278">
            <v>7</v>
          </cell>
          <cell r="K278" t="str">
            <v>Budget in 05/06 and 06/07</v>
          </cell>
          <cell r="L278">
            <v>224</v>
          </cell>
          <cell r="N278">
            <v>6</v>
          </cell>
          <cell r="T278">
            <v>230</v>
          </cell>
        </row>
        <row r="279">
          <cell r="B279" t="str">
            <v>21k School contribution</v>
          </cell>
          <cell r="J279">
            <v>0</v>
          </cell>
          <cell r="T279">
            <v>0</v>
          </cell>
        </row>
        <row r="280">
          <cell r="J280">
            <v>0</v>
          </cell>
          <cell r="T280">
            <v>0</v>
          </cell>
        </row>
        <row r="281">
          <cell r="A281" t="str">
            <v>E112</v>
          </cell>
          <cell r="B281" t="str">
            <v>Dollis Infants - reprovisioning and expansion of Nursery</v>
          </cell>
          <cell r="C281" t="str">
            <v>M93348</v>
          </cell>
          <cell r="D281" t="str">
            <v>tbd</v>
          </cell>
          <cell r="E281" t="str">
            <v>tbd</v>
          </cell>
          <cell r="I281">
            <v>2</v>
          </cell>
          <cell r="J281">
            <v>2</v>
          </cell>
          <cell r="L281">
            <v>189</v>
          </cell>
          <cell r="N281">
            <v>5</v>
          </cell>
          <cell r="T281">
            <v>194</v>
          </cell>
        </row>
        <row r="283">
          <cell r="A283" t="str">
            <v>E113</v>
          </cell>
          <cell r="B283" t="str">
            <v>Specialist Schools (capital grant)</v>
          </cell>
          <cell r="D283" t="str">
            <v>n/a</v>
          </cell>
          <cell r="E283" t="str">
            <v>n/a</v>
          </cell>
          <cell r="H283">
            <v>300</v>
          </cell>
          <cell r="J283">
            <v>-300</v>
          </cell>
          <cell r="T283">
            <v>300</v>
          </cell>
        </row>
        <row r="284">
          <cell r="J284">
            <v>0</v>
          </cell>
          <cell r="T284">
            <v>0</v>
          </cell>
        </row>
        <row r="285">
          <cell r="A285" t="str">
            <v>E114</v>
          </cell>
          <cell r="B285" t="str">
            <v>Targetted Capital Fund</v>
          </cell>
          <cell r="D285" t="str">
            <v>tbd</v>
          </cell>
          <cell r="E285" t="str">
            <v>tbd</v>
          </cell>
          <cell r="H285">
            <v>165</v>
          </cell>
          <cell r="J285">
            <v>-165</v>
          </cell>
          <cell r="K285" t="str">
            <v>Initial funding for The Hyde School rebuild - carried forward to 2005-6</v>
          </cell>
          <cell r="L285">
            <v>3554</v>
          </cell>
          <cell r="N285">
            <v>681</v>
          </cell>
          <cell r="T285">
            <v>4400</v>
          </cell>
        </row>
        <row r="286">
          <cell r="B286" t="str">
            <v>Funding shown is Government Grant only.  A minimum of £1.1m match funding will be required.</v>
          </cell>
          <cell r="T286">
            <v>0</v>
          </cell>
        </row>
        <row r="287">
          <cell r="B287" t="str">
            <v>Match funding requirement is 25%, with the council contribution linked to this project only.  No commitments can be entered into until the actual match funding requirement has been properly assessed, and if it exceeds £1.1m a report will need to be made t</v>
          </cell>
          <cell r="T287">
            <v>0</v>
          </cell>
        </row>
        <row r="288">
          <cell r="T288">
            <v>0</v>
          </cell>
        </row>
        <row r="289">
          <cell r="A289" t="str">
            <v>E115</v>
          </cell>
          <cell r="B289" t="str">
            <v>Parkfield School</v>
          </cell>
          <cell r="T289">
            <v>0</v>
          </cell>
        </row>
        <row r="290">
          <cell r="B290" t="str">
            <v>Stage 1 - new Childrens Centre</v>
          </cell>
          <cell r="C290" t="str">
            <v>M93353</v>
          </cell>
          <cell r="D290">
            <v>38504</v>
          </cell>
          <cell r="E290">
            <v>38777</v>
          </cell>
          <cell r="H290">
            <v>60</v>
          </cell>
          <cell r="I290">
            <v>17</v>
          </cell>
          <cell r="J290">
            <v>-43</v>
          </cell>
          <cell r="K290" t="str">
            <v>Delayed pending final approval by DfES - now obtained</v>
          </cell>
          <cell r="L290">
            <v>1260</v>
          </cell>
          <cell r="N290">
            <v>110</v>
          </cell>
          <cell r="T290">
            <v>1430</v>
          </cell>
        </row>
        <row r="291">
          <cell r="B291" t="str">
            <v xml:space="preserve">Stage 2 - redevelopment of school </v>
          </cell>
          <cell r="C291" t="str">
            <v>M93356</v>
          </cell>
          <cell r="D291">
            <v>38869</v>
          </cell>
          <cell r="E291">
            <v>39661</v>
          </cell>
          <cell r="H291">
            <v>60</v>
          </cell>
          <cell r="I291">
            <v>21</v>
          </cell>
          <cell r="J291">
            <v>-39</v>
          </cell>
          <cell r="K291" t="str">
            <v xml:space="preserve">Final programme to be confirmed - preliminay allowance for design fees </v>
          </cell>
          <cell r="L291">
            <v>150</v>
          </cell>
          <cell r="N291">
            <v>1800</v>
          </cell>
          <cell r="P291">
            <v>2630</v>
          </cell>
          <cell r="R291">
            <v>1400</v>
          </cell>
          <cell r="T291">
            <v>6040</v>
          </cell>
        </row>
        <row r="292">
          <cell r="B292" t="str">
            <v>Contingency for potentially increased costs</v>
          </cell>
          <cell r="D292" t="str">
            <v>n/a</v>
          </cell>
          <cell r="E292" t="str">
            <v>n/a</v>
          </cell>
          <cell r="P292">
            <v>800</v>
          </cell>
          <cell r="T292">
            <v>800</v>
          </cell>
        </row>
        <row r="293">
          <cell r="B293" t="str">
            <v>Contingency for potentially increased costs.  Drawdowns from this contingency must be authorised by Cabinet Resources Committee before expenditure is committed.</v>
          </cell>
          <cell r="T293">
            <v>0</v>
          </cell>
        </row>
        <row r="294">
          <cell r="T294">
            <v>0</v>
          </cell>
        </row>
        <row r="295">
          <cell r="A295" t="str">
            <v>E116</v>
          </cell>
          <cell r="B295" t="str">
            <v>Primary Capital Strategy</v>
          </cell>
          <cell r="D295" t="str">
            <v>n/a</v>
          </cell>
          <cell r="E295" t="str">
            <v>n/a</v>
          </cell>
          <cell r="L295">
            <v>250</v>
          </cell>
          <cell r="N295">
            <v>250</v>
          </cell>
          <cell r="P295">
            <v>300</v>
          </cell>
          <cell r="T295">
            <v>800</v>
          </cell>
        </row>
        <row r="296">
          <cell r="B296" t="str">
            <v>Consultancy</v>
          </cell>
          <cell r="T296">
            <v>0</v>
          </cell>
        </row>
        <row r="297">
          <cell r="J297">
            <v>0</v>
          </cell>
          <cell r="T297">
            <v>0</v>
          </cell>
        </row>
        <row r="298">
          <cell r="B298" t="str">
            <v>Hyde Rebuild</v>
          </cell>
          <cell r="C298" t="str">
            <v>M93355</v>
          </cell>
          <cell r="I298">
            <v>4</v>
          </cell>
          <cell r="J298">
            <v>4</v>
          </cell>
          <cell r="K298" t="str">
            <v>Charge to E114 - 2004-5 TCF</v>
          </cell>
          <cell r="T298">
            <v>0</v>
          </cell>
        </row>
        <row r="299">
          <cell r="J299">
            <v>0</v>
          </cell>
          <cell r="T299">
            <v>0</v>
          </cell>
        </row>
        <row r="300">
          <cell r="B300" t="str">
            <v>Outstanding commitments on completed schemes</v>
          </cell>
          <cell r="H300">
            <v>450</v>
          </cell>
          <cell r="I300">
            <v>229</v>
          </cell>
          <cell r="J300">
            <v>-221</v>
          </cell>
          <cell r="T300">
            <v>450</v>
          </cell>
        </row>
        <row r="301">
          <cell r="A301">
            <v>302</v>
          </cell>
          <cell r="T301">
            <v>0</v>
          </cell>
        </row>
        <row r="302">
          <cell r="A302">
            <v>20</v>
          </cell>
          <cell r="B302" t="str">
            <v>TOTAL - Education</v>
          </cell>
          <cell r="F302">
            <v>11259</v>
          </cell>
          <cell r="H302">
            <v>13064</v>
          </cell>
          <cell r="I302">
            <v>8819</v>
          </cell>
          <cell r="J302">
            <v>-4245</v>
          </cell>
          <cell r="K302">
            <v>0</v>
          </cell>
          <cell r="L302">
            <v>20563</v>
          </cell>
          <cell r="M302">
            <v>0</v>
          </cell>
          <cell r="N302">
            <v>12810</v>
          </cell>
          <cell r="O302">
            <v>0</v>
          </cell>
          <cell r="P302">
            <v>12286</v>
          </cell>
          <cell r="Q302">
            <v>0</v>
          </cell>
          <cell r="R302">
            <v>1400</v>
          </cell>
          <cell r="S302">
            <v>0</v>
          </cell>
          <cell r="T302">
            <v>71382</v>
          </cell>
        </row>
      </sheetData>
      <sheetData sheetId="1" refreshError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7"/>
      <sheetName val="6.5"/>
      <sheetName val="New 6.4"/>
      <sheetName val="6.3"/>
      <sheetName val="6.2"/>
      <sheetName val="6.1"/>
      <sheetName val="5.2"/>
      <sheetName val="5.1"/>
      <sheetName val="new 4.3"/>
      <sheetName val="new 4.1"/>
      <sheetName val="3.3"/>
      <sheetName val="3.2"/>
      <sheetName val="3.1"/>
      <sheetName val="2.5"/>
      <sheetName val="2.6"/>
      <sheetName val="2.4"/>
      <sheetName val="2.3"/>
      <sheetName val="2.2"/>
      <sheetName val="amended2.1"/>
      <sheetName val="1.2"/>
      <sheetName val="1.1"/>
      <sheetName val="FRONT SHEET"/>
      <sheetName val="PRINTI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reed Schemes £170M"/>
      <sheetName val="Total"/>
      <sheetName val="Budget figures"/>
      <sheetName val="Barking &amp; Dagenham"/>
      <sheetName val="Barnet"/>
      <sheetName val="Bexley"/>
      <sheetName val="Brent"/>
      <sheetName val="Bromley"/>
      <sheetName val="Camden"/>
      <sheetName val="City of London"/>
      <sheetName val="Croydon"/>
      <sheetName val="Ealing"/>
      <sheetName val="Enfield"/>
      <sheetName val="Greenwich"/>
      <sheetName val="Hackney"/>
      <sheetName val="Hammersmith &amp; Fulham"/>
      <sheetName val="Haringey"/>
      <sheetName val="Havering"/>
      <sheetName val="Harrow"/>
      <sheetName val="Hillingdon"/>
      <sheetName val="Hounslow"/>
      <sheetName val="Islington"/>
      <sheetName val="Kensington &amp; Chelsea"/>
      <sheetName val="Kingston"/>
      <sheetName val="Lambeth"/>
      <sheetName val="Lewisham"/>
      <sheetName val="Merton"/>
      <sheetName val="Newham"/>
      <sheetName val="Redbridge"/>
      <sheetName val="Richmond"/>
      <sheetName val="Southwark"/>
      <sheetName val="Sutton"/>
      <sheetName val="Tower Hamlets"/>
      <sheetName val="Waltham Forest"/>
      <sheetName val="Wandsworth"/>
      <sheetName val="Westminster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apl Mon 2010 Outturn"/>
      <sheetName val="Financing template post complet"/>
      <sheetName val="Financing template"/>
      <sheetName val="2011 Budget Book"/>
      <sheetName val="2009 Outturn"/>
      <sheetName val="HD07 RCCO journal"/>
      <sheetName val="Pivot"/>
      <sheetName val="Pivot Fees"/>
      <sheetName val="SAP 19.4.11"/>
      <sheetName val="SAP raw 19.4.11"/>
      <sheetName val="SAP 20.4.1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ghways"/>
    </sheetNames>
    <sheetDataSet>
      <sheetData sheetId="0" refreshError="1">
        <row r="1">
          <cell r="A1" t="str">
            <v>Funding</v>
          </cell>
          <cell r="B1" t="str">
            <v>HIGHWAYS - FINANCING AS AT 11/01/06</v>
          </cell>
        </row>
        <row r="2">
          <cell r="C2" t="str">
            <v>2005-06</v>
          </cell>
          <cell r="D2" t="str">
            <v>2006-07</v>
          </cell>
          <cell r="E2" t="str">
            <v>2007-08</v>
          </cell>
          <cell r="F2" t="str">
            <v>Later Years</v>
          </cell>
          <cell r="G2" t="str">
            <v>Total</v>
          </cell>
        </row>
        <row r="4">
          <cell r="A4" t="str">
            <v>pb</v>
          </cell>
          <cell r="B4" t="str">
            <v>£5m Prudential Borrowing programmes*</v>
          </cell>
          <cell r="C4">
            <v>5000</v>
          </cell>
          <cell r="D4">
            <v>5000</v>
          </cell>
          <cell r="G4">
            <v>10000</v>
          </cell>
        </row>
        <row r="5">
          <cell r="A5" t="str">
            <v>ogrant</v>
          </cell>
          <cell r="B5" t="str">
            <v>TFL programmes</v>
          </cell>
          <cell r="C5">
            <v>4735</v>
          </cell>
          <cell r="D5">
            <v>4329</v>
          </cell>
          <cell r="G5">
            <v>9064</v>
          </cell>
        </row>
        <row r="6">
          <cell r="A6" t="str">
            <v>rev</v>
          </cell>
          <cell r="B6" t="str">
            <v>RTA - SPA</v>
          </cell>
          <cell r="C6">
            <v>275</v>
          </cell>
          <cell r="D6">
            <v>345</v>
          </cell>
          <cell r="E6">
            <v>400</v>
          </cell>
          <cell r="G6">
            <v>1020</v>
          </cell>
        </row>
        <row r="7">
          <cell r="A7" t="str">
            <v>crpb</v>
          </cell>
          <cell r="B7" t="str">
            <v>RTA - PB</v>
          </cell>
          <cell r="C7">
            <v>115</v>
          </cell>
          <cell r="G7">
            <v>115</v>
          </cell>
        </row>
        <row r="8">
          <cell r="A8" t="str">
            <v>crpb</v>
          </cell>
          <cell r="B8" t="str">
            <v>Edgwarebury Brook Flood Alleviation</v>
          </cell>
          <cell r="D8">
            <v>56</v>
          </cell>
          <cell r="G8">
            <v>56</v>
          </cell>
        </row>
        <row r="9">
          <cell r="A9" t="str">
            <v>s106</v>
          </cell>
          <cell r="B9" t="str">
            <v>Pursley Road</v>
          </cell>
          <cell r="D9">
            <v>48</v>
          </cell>
          <cell r="G9">
            <v>48</v>
          </cell>
        </row>
        <row r="10">
          <cell r="A10" t="str">
            <v>crpb</v>
          </cell>
          <cell r="B10" t="str">
            <v xml:space="preserve">Silkstream Flood Alleviation </v>
          </cell>
          <cell r="D10">
            <v>1100</v>
          </cell>
          <cell r="G10">
            <v>1100</v>
          </cell>
        </row>
        <row r="11">
          <cell r="A11" t="str">
            <v>ogrant</v>
          </cell>
          <cell r="B11" t="str">
            <v>Cartwright  Memorial</v>
          </cell>
          <cell r="D11">
            <v>17</v>
          </cell>
          <cell r="G11">
            <v>17</v>
          </cell>
        </row>
        <row r="12">
          <cell r="A12" t="str">
            <v>rev</v>
          </cell>
          <cell r="B12" t="str">
            <v>Cartwright  Memorial</v>
          </cell>
          <cell r="D12">
            <v>15</v>
          </cell>
          <cell r="G12">
            <v>15</v>
          </cell>
        </row>
        <row r="13">
          <cell r="A13" t="str">
            <v>s106</v>
          </cell>
          <cell r="B13" t="str">
            <v>Aerodrome Road - bridges (S106)</v>
          </cell>
          <cell r="D13">
            <v>2350</v>
          </cell>
          <cell r="E13">
            <v>650</v>
          </cell>
          <cell r="G13">
            <v>3000</v>
          </cell>
        </row>
        <row r="14">
          <cell r="A14" t="str">
            <v>ogrant</v>
          </cell>
          <cell r="B14" t="str">
            <v>Aerodrome Road - bridges (GADF)</v>
          </cell>
          <cell r="D14">
            <v>150</v>
          </cell>
          <cell r="G14">
            <v>150</v>
          </cell>
        </row>
        <row r="15">
          <cell r="A15" t="str">
            <v>s106</v>
          </cell>
          <cell r="B15" t="str">
            <v>Aerodrome Road - junction improvements</v>
          </cell>
          <cell r="D15">
            <v>250</v>
          </cell>
          <cell r="E15">
            <v>1750</v>
          </cell>
          <cell r="G15">
            <v>2000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ckground and contents"/>
      <sheetName val="Summary"/>
      <sheetName val="Specific Grants 0910"/>
      <sheetName val="Specific Grants 1011"/>
      <sheetName val="Area Based Grant 0910"/>
      <sheetName val="Area Based Grant 1011"/>
      <sheetName val="Printable Summary"/>
      <sheetName val="Rcodes"/>
      <sheetName val="colrefs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hyperlink" Target="file:///C:\Users\jon.hill\AppData\Local\Microsoft\Windows\INetCache\Content.Outlook\CAVXT2IQ\xquery.xqy%3fXSCRIPT=OUT_ORD_GL.MAIN%20GL_CODE=%2210635424010%22&amp;envMan=LBBLIVE" TargetMode="External"/><Relationship Id="rId13" Type="http://schemas.openxmlformats.org/officeDocument/2006/relationships/hyperlink" Target="file:///C:\Users\jon.hill\AppData\Local\Microsoft\Windows\INetCache\Content.Outlook\CAVXT2IQ\xquery.xqy%3fXSCRIPT=BUDMON_TRANS2.MAIN%20CC_CODE=%2210635%22%20EXPH=%22731000%22&amp;envMan=LBBLIVE" TargetMode="External"/><Relationship Id="rId18" Type="http://schemas.openxmlformats.org/officeDocument/2006/relationships/hyperlink" Target="file:///C:\Users\jon.hill\AppData\Local\Microsoft\Windows\INetCache\Content.Outlook\CAVXT2IQ\xquery.xqy%3fXSCRIPT=OUT_ORD_GL.MAIN%20GL_CODE=%2210635821025%22&amp;envMan=LBBLIVE" TargetMode="External"/><Relationship Id="rId26" Type="http://schemas.openxmlformats.org/officeDocument/2006/relationships/hyperlink" Target="file:///C:\Users\jon.hill\AppData\Local\Microsoft\Windows\INetCache\Content.Outlook\CAVXT2IQ\xquery.xqy%3fXSCRIPT=BUDMON_TRANS2.MAIN%20CC_CODE=%2210635%22%20EXPH=%22581000%22&amp;envMan=LBBLIVE" TargetMode="External"/><Relationship Id="rId3" Type="http://schemas.openxmlformats.org/officeDocument/2006/relationships/hyperlink" Target="file:///C:\Users\jon.hill\AppData\Local\Microsoft\Windows\INetCache\Content.Outlook\CAVXT2IQ\xquery.xqy%3fXSCRIPT=BUDMON_TRANS2.MAIN%20CC_CODE=%2210635%22%20EXPH=%22420070%22&amp;envMan=LBBLIVE" TargetMode="External"/><Relationship Id="rId21" Type="http://schemas.openxmlformats.org/officeDocument/2006/relationships/hyperlink" Target="file:///C:\Users\jon.hill\AppData\Local\Microsoft\Windows\INetCache\Content.Outlook\CAVXT2IQ\xquery.xqy%3fXSCRIPT=BUDMON_TRANS2.MAIN%20CC_CODE=%2210635%22%20EXPH=%22582000%22&amp;envMan=LBBLIVE" TargetMode="External"/><Relationship Id="rId7" Type="http://schemas.openxmlformats.org/officeDocument/2006/relationships/hyperlink" Target="file:///C:\Users\jon.hill\AppData\Local\Microsoft\Windows\INetCache\Content.Outlook\CAVXT2IQ\xquery.xqy%3fXSCRIPT=BUDMON_TRANS2.MAIN%20CC_CODE=%2210635%22%20EXPH=%22424010%22&amp;envMan=LBBLIVE" TargetMode="External"/><Relationship Id="rId12" Type="http://schemas.openxmlformats.org/officeDocument/2006/relationships/hyperlink" Target="file:///C:\Users\jon.hill\AppData\Local\Microsoft\Windows\INetCache\Content.Outlook\CAVXT2IQ\xquery.xqy%3fXSCRIPT=OUT_ORD_GL.MAIN%20GL_CODE=%2210635730000%22&amp;envMan=LBBLIVE" TargetMode="External"/><Relationship Id="rId17" Type="http://schemas.openxmlformats.org/officeDocument/2006/relationships/hyperlink" Target="file:///C:\Users\jon.hill\AppData\Local\Microsoft\Windows\INetCache\Content.Outlook\CAVXT2IQ\xquery.xqy%3fXSCRIPT=BUDMON_TRANS2.MAIN%20CC_CODE=%2210635%22%20EXPH=%22821025%22&amp;envMan=LBBLIVE" TargetMode="External"/><Relationship Id="rId25" Type="http://schemas.openxmlformats.org/officeDocument/2006/relationships/hyperlink" Target="file:///C:\Users\jon.hill\AppData\Local\Microsoft\Windows\INetCache\Content.Outlook\CAVXT2IQ\xquery.xqy%3fXSCRIPT=BUDMON_TRANS2.MAIN%20CC_CODE=%2210635%22%20EXPH=%22821025%22&amp;envMan=LBBLIVE" TargetMode="External"/><Relationship Id="rId2" Type="http://schemas.openxmlformats.org/officeDocument/2006/relationships/hyperlink" Target="file:///C:\Users\jon.hill\AppData\Local\Microsoft\Windows\INetCache\Content.Outlook\CAVXT2IQ\xquery.xqy%3fXSCRIPT=OUT_ORD_GL.MAIN%20GL_CODE=%2210635410000%22&amp;envMan=LBBLIVE" TargetMode="External"/><Relationship Id="rId16" Type="http://schemas.openxmlformats.org/officeDocument/2006/relationships/hyperlink" Target="file:///C:\Users\jon.hill\AppData\Local\Microsoft\Windows\INetCache\Content.Outlook\CAVXT2IQ\xquery.xqy%3fXSCRIPT=OUT_ORD_GL.MAIN%20GL_CODE=%2210635800000%22&amp;envMan=LBBLIVE" TargetMode="External"/><Relationship Id="rId20" Type="http://schemas.openxmlformats.org/officeDocument/2006/relationships/hyperlink" Target="file:///C:\Users\jon.hill\AppData\Local\Microsoft\Windows\INetCache\Content.Outlook\CAVXT2IQ\xquery.xqy%3fXSCRIPT=OUT_ORD_GL.MAIN%20GL_CODE=%2210635581000%22&amp;envMan=LBBLIVE" TargetMode="External"/><Relationship Id="rId29" Type="http://schemas.openxmlformats.org/officeDocument/2006/relationships/printerSettings" Target="../printerSettings/printerSettings2.bin"/><Relationship Id="rId1" Type="http://schemas.openxmlformats.org/officeDocument/2006/relationships/hyperlink" Target="file:///C:\Users\jon.hill\AppData\Local\Microsoft\Windows\INetCache\Content.Outlook\CAVXT2IQ\xquery.xqy%3fXSCRIPT=BUDMON_TRANS2.MAIN%20CC_CODE=%2210635%22%20EXPH=%22410000%22&amp;envMan=LBBLIVE" TargetMode="External"/><Relationship Id="rId6" Type="http://schemas.openxmlformats.org/officeDocument/2006/relationships/hyperlink" Target="file:///C:\Users\jon.hill\AppData\Local\Microsoft\Windows\INetCache\Content.Outlook\CAVXT2IQ\xquery.xqy%3fXSCRIPT=OUT_ORD_GL.MAIN%20GL_CODE=%2210635420090%22&amp;envMan=LBBLIVE" TargetMode="External"/><Relationship Id="rId11" Type="http://schemas.openxmlformats.org/officeDocument/2006/relationships/hyperlink" Target="file:///C:\Users\jon.hill\AppData\Local\Microsoft\Windows\INetCache\Content.Outlook\CAVXT2IQ\xquery.xqy%3fXSCRIPT=BUDMON_TRANS2.MAIN%20CC_CODE=%2210635%22%20EXPH=%22730000%22&amp;envMan=LBBLIVE" TargetMode="External"/><Relationship Id="rId24" Type="http://schemas.openxmlformats.org/officeDocument/2006/relationships/hyperlink" Target="file:///C:\Users\jon.hill\AppData\Local\Microsoft\Windows\INetCache\Content.Outlook\CAVXT2IQ\xquery.xqy%3fXSCRIPT=OUT_ORD_GL.MAIN%20GL_CODE=%2210635583010%22&amp;envMan=LBBLIVE" TargetMode="External"/><Relationship Id="rId5" Type="http://schemas.openxmlformats.org/officeDocument/2006/relationships/hyperlink" Target="file:///C:\Users\jon.hill\AppData\Local\Microsoft\Windows\INetCache\Content.Outlook\CAVXT2IQ\xquery.xqy%3fXSCRIPT=BUDMON_TRANS2.MAIN%20CC_CODE=%2210635%22%20EXPH=%22420090%22&amp;envMan=LBBLIVE" TargetMode="External"/><Relationship Id="rId15" Type="http://schemas.openxmlformats.org/officeDocument/2006/relationships/hyperlink" Target="file:///C:\Users\jon.hill\AppData\Local\Microsoft\Windows\INetCache\Content.Outlook\CAVXT2IQ\xquery.xqy%3fXSCRIPT=BUDMON_TRANS2.MAIN%20CC_CODE=%2210635%22%20EXPH=%22800000%22&amp;envMan=LBBLIVE" TargetMode="External"/><Relationship Id="rId23" Type="http://schemas.openxmlformats.org/officeDocument/2006/relationships/hyperlink" Target="file:///C:\Users\jon.hill\AppData\Local\Microsoft\Windows\INetCache\Content.Outlook\CAVXT2IQ\xquery.xqy%3fXSCRIPT=BUDMON_TRANS2.MAIN%20CC_CODE=%2210635%22%20EXPH=%22583010%22&amp;envMan=LBBLIVE" TargetMode="External"/><Relationship Id="rId28" Type="http://schemas.openxmlformats.org/officeDocument/2006/relationships/hyperlink" Target="file:///C:\Users\jon.hill\AppData\Local\Microsoft\Windows\INetCache\Content.Outlook\CAVXT2IQ\xquery.xqy%3fXSCRIPT=BUDMON_TRANS2.MAIN%20CC_CODE=%2210635%22%20EXPH=%22583010%22&amp;envMan=LBBLIVE" TargetMode="External"/><Relationship Id="rId10" Type="http://schemas.openxmlformats.org/officeDocument/2006/relationships/hyperlink" Target="file:///C:\Users\jon.hill\AppData\Local\Microsoft\Windows\INetCache\Content.Outlook\CAVXT2IQ\xquery.xqy%3fXSCRIPT=OUT_ORD_GL.MAIN%20GL_CODE=%2210635427000%22&amp;envMan=LBBLIVE" TargetMode="External"/><Relationship Id="rId19" Type="http://schemas.openxmlformats.org/officeDocument/2006/relationships/hyperlink" Target="file:///C:\Users\jon.hill\AppData\Local\Microsoft\Windows\INetCache\Content.Outlook\CAVXT2IQ\xquery.xqy%3fXSCRIPT=BUDMON_TRANS2.MAIN%20CC_CODE=%2210635%22%20EXPH=%22581000%22&amp;envMan=LBBLIVE" TargetMode="External"/><Relationship Id="rId4" Type="http://schemas.openxmlformats.org/officeDocument/2006/relationships/hyperlink" Target="file:///C:\Users\jon.hill\AppData\Local\Microsoft\Windows\INetCache\Content.Outlook\CAVXT2IQ\xquery.xqy%3fXSCRIPT=OUT_ORD_GL.MAIN%20GL_CODE=%2210635420070%22&amp;envMan=LBBLIVE" TargetMode="External"/><Relationship Id="rId9" Type="http://schemas.openxmlformats.org/officeDocument/2006/relationships/hyperlink" Target="file:///C:\Users\jon.hill\AppData\Local\Microsoft\Windows\INetCache\Content.Outlook\CAVXT2IQ\xquery.xqy%3fXSCRIPT=BUDMON_TRANS2.MAIN%20CC_CODE=%2210635%22%20EXPH=%22427000%22&amp;envMan=LBBLIVE" TargetMode="External"/><Relationship Id="rId14" Type="http://schemas.openxmlformats.org/officeDocument/2006/relationships/hyperlink" Target="file:///C:\Users\jon.hill\AppData\Local\Microsoft\Windows\INetCache\Content.Outlook\CAVXT2IQ\xquery.xqy%3fXSCRIPT=OUT_ORD_GL.MAIN%20GL_CODE=%2210635731000%22&amp;envMan=LBBLIVE" TargetMode="External"/><Relationship Id="rId22" Type="http://schemas.openxmlformats.org/officeDocument/2006/relationships/hyperlink" Target="file:///C:\Users\jon.hill\AppData\Local\Microsoft\Windows\INetCache\Content.Outlook\CAVXT2IQ\xquery.xqy%3fXSCRIPT=OUT_ORD_GL.MAIN%20GL_CODE=%2210635582000%22&amp;envMan=LBBLIVE" TargetMode="External"/><Relationship Id="rId27" Type="http://schemas.openxmlformats.org/officeDocument/2006/relationships/hyperlink" Target="file:///C:\Users\jon.hill\AppData\Local\Microsoft\Windows\INetCache\Content.Outlook\CAVXT2IQ\xquery.xqy%3fXSCRIPT=BUDMON_TRANS2.MAIN%20CC_CODE=%2210635%22%20EXPH=%22582000%22&amp;envMan=LBBLIVE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 tint="0.59999389629810485"/>
    <pageSetUpPr fitToPage="1"/>
  </sheetPr>
  <dimension ref="A2:O33"/>
  <sheetViews>
    <sheetView tabSelected="1" zoomScale="115" zoomScaleNormal="115" workbookViewId="0">
      <selection activeCell="C38" sqref="C38"/>
    </sheetView>
  </sheetViews>
  <sheetFormatPr defaultColWidth="9.109375" defaultRowHeight="13.8" x14ac:dyDescent="0.3"/>
  <cols>
    <col min="1" max="1" width="39.44140625" style="110" customWidth="1"/>
    <col min="2" max="2" width="13.109375" style="55" bestFit="1" customWidth="1"/>
    <col min="3" max="3" width="28" style="55" customWidth="1"/>
    <col min="4" max="4" width="2.109375" style="111" customWidth="1"/>
    <col min="5" max="5" width="13.88671875" style="55" bestFit="1" customWidth="1"/>
    <col min="6" max="7" width="9.109375" style="55"/>
    <col min="8" max="8" width="35.5546875" style="55" customWidth="1"/>
    <col min="9" max="14" width="13.6640625" style="55" customWidth="1"/>
    <col min="15" max="16384" width="9.109375" style="55"/>
  </cols>
  <sheetData>
    <row r="2" spans="1:10" s="50" customFormat="1" ht="21" x14ac:dyDescent="0.4">
      <c r="A2" s="47" t="s">
        <v>111</v>
      </c>
      <c r="B2" s="48"/>
      <c r="C2" s="48"/>
      <c r="D2" s="49"/>
    </row>
    <row r="3" spans="1:10" ht="14.4" x14ac:dyDescent="0.3">
      <c r="A3" s="51"/>
      <c r="B3" s="52"/>
      <c r="C3" s="53"/>
      <c r="D3" s="54"/>
    </row>
    <row r="4" spans="1:10" x14ac:dyDescent="0.3">
      <c r="A4" s="56" t="s">
        <v>23</v>
      </c>
      <c r="B4" s="57" t="s">
        <v>10</v>
      </c>
      <c r="C4" s="58"/>
      <c r="D4" s="54"/>
    </row>
    <row r="5" spans="1:10" x14ac:dyDescent="0.3">
      <c r="A5" s="59"/>
      <c r="B5" s="60" t="s">
        <v>9</v>
      </c>
      <c r="C5" s="61"/>
      <c r="D5" s="54"/>
    </row>
    <row r="6" spans="1:10" x14ac:dyDescent="0.3">
      <c r="A6" s="62" t="s">
        <v>22</v>
      </c>
      <c r="B6" s="63"/>
      <c r="C6" s="61"/>
      <c r="D6" s="54"/>
    </row>
    <row r="7" spans="1:10" x14ac:dyDescent="0.3">
      <c r="A7" s="64" t="s">
        <v>21</v>
      </c>
      <c r="B7" s="65">
        <v>-13276.109279999999</v>
      </c>
      <c r="C7" s="66" t="s">
        <v>14</v>
      </c>
      <c r="D7" s="67"/>
    </row>
    <row r="8" spans="1:10" x14ac:dyDescent="0.3">
      <c r="A8" s="64" t="s">
        <v>20</v>
      </c>
      <c r="B8" s="65">
        <v>-2393.20226</v>
      </c>
      <c r="C8" s="66" t="s">
        <v>14</v>
      </c>
      <c r="D8" s="67"/>
    </row>
    <row r="9" spans="1:10" x14ac:dyDescent="0.3">
      <c r="A9" s="64" t="s">
        <v>19</v>
      </c>
      <c r="B9" s="65">
        <v>-3564.77592</v>
      </c>
      <c r="C9" s="66" t="s">
        <v>14</v>
      </c>
      <c r="D9" s="67"/>
    </row>
    <row r="10" spans="1:10" x14ac:dyDescent="0.3">
      <c r="A10" s="64" t="s">
        <v>18</v>
      </c>
      <c r="B10" s="68">
        <v>-560.68620999999996</v>
      </c>
      <c r="C10" s="66" t="s">
        <v>14</v>
      </c>
      <c r="D10" s="67"/>
    </row>
    <row r="11" spans="1:10" x14ac:dyDescent="0.3">
      <c r="A11" s="69" t="s">
        <v>17</v>
      </c>
      <c r="B11" s="70">
        <v>-19794.773669999999</v>
      </c>
      <c r="C11" s="61"/>
      <c r="D11" s="54"/>
    </row>
    <row r="12" spans="1:10" x14ac:dyDescent="0.3">
      <c r="A12" s="62" t="s">
        <v>16</v>
      </c>
      <c r="B12" s="71"/>
      <c r="C12" s="61"/>
      <c r="D12" s="54"/>
    </row>
    <row r="13" spans="1:10" x14ac:dyDescent="0.3">
      <c r="A13" s="72" t="s">
        <v>14</v>
      </c>
      <c r="B13" s="71"/>
      <c r="C13" s="73"/>
      <c r="D13" s="67"/>
      <c r="E13" s="74"/>
    </row>
    <row r="14" spans="1:10" x14ac:dyDescent="0.3">
      <c r="A14" s="75"/>
      <c r="B14" s="71"/>
      <c r="C14" s="73"/>
      <c r="D14" s="67"/>
    </row>
    <row r="15" spans="1:10" ht="14.4" x14ac:dyDescent="0.3">
      <c r="A15" s="75"/>
      <c r="B15" s="71"/>
      <c r="C15" s="73"/>
      <c r="D15" s="67"/>
      <c r="H15" s="44"/>
      <c r="I15" s="45"/>
      <c r="J15" s="46"/>
    </row>
    <row r="16" spans="1:10" ht="14.4" x14ac:dyDescent="0.3">
      <c r="A16" s="69" t="s">
        <v>15</v>
      </c>
      <c r="B16" s="76">
        <v>7903.76487</v>
      </c>
      <c r="C16" s="66" t="s">
        <v>14</v>
      </c>
      <c r="D16" s="54"/>
      <c r="H16" s="44"/>
      <c r="I16" s="45"/>
      <c r="J16" s="46"/>
    </row>
    <row r="17" spans="1:15" ht="14.4" x14ac:dyDescent="0.3">
      <c r="A17" s="77"/>
      <c r="B17" s="71"/>
      <c r="C17" s="78"/>
      <c r="D17" s="54"/>
      <c r="H17" s="44"/>
      <c r="I17" s="45"/>
      <c r="J17" s="46"/>
    </row>
    <row r="18" spans="1:15" ht="14.4" x14ac:dyDescent="0.3">
      <c r="A18" s="79" t="s">
        <v>13</v>
      </c>
      <c r="B18" s="70">
        <v>-11891.0088</v>
      </c>
      <c r="C18" s="78"/>
      <c r="D18" s="54"/>
      <c r="F18" s="80"/>
      <c r="H18" s="44"/>
      <c r="I18" s="45"/>
      <c r="J18" s="46"/>
    </row>
    <row r="19" spans="1:15" ht="14.4" x14ac:dyDescent="0.3">
      <c r="A19" s="79"/>
      <c r="B19" s="81"/>
      <c r="C19" s="78"/>
      <c r="D19" s="54"/>
      <c r="H19" s="44"/>
      <c r="I19" s="45"/>
      <c r="J19" s="46"/>
    </row>
    <row r="20" spans="1:15" x14ac:dyDescent="0.3">
      <c r="A20" s="82"/>
      <c r="B20" s="81"/>
      <c r="C20" s="61"/>
      <c r="D20" s="54"/>
      <c r="E20" s="54"/>
      <c r="F20" s="54"/>
      <c r="G20" s="54"/>
      <c r="H20" s="54"/>
      <c r="I20" s="54"/>
      <c r="J20" s="54"/>
      <c r="K20" s="54"/>
      <c r="L20" s="54"/>
      <c r="M20" s="54"/>
    </row>
    <row r="21" spans="1:15" x14ac:dyDescent="0.3">
      <c r="A21" s="83" t="s">
        <v>12</v>
      </c>
      <c r="B21" s="84">
        <v>11891.0088</v>
      </c>
      <c r="C21" s="85" t="s">
        <v>11</v>
      </c>
      <c r="D21" s="86"/>
      <c r="E21" s="54"/>
      <c r="F21" s="54"/>
      <c r="G21" s="54"/>
      <c r="H21" s="54"/>
      <c r="I21" s="54"/>
      <c r="J21" s="54"/>
      <c r="K21" s="54"/>
      <c r="L21" s="54"/>
      <c r="M21" s="54"/>
    </row>
    <row r="22" spans="1:15" ht="14.4" x14ac:dyDescent="0.3">
      <c r="A22" s="82"/>
      <c r="B22" s="54"/>
      <c r="C22" s="61"/>
      <c r="D22" s="54"/>
      <c r="E22" s="54"/>
      <c r="F22" s="54"/>
      <c r="G22" s="54"/>
      <c r="H22" s="44"/>
      <c r="I22" s="45"/>
      <c r="J22" s="45"/>
      <c r="K22" s="1"/>
      <c r="L22" s="45"/>
      <c r="M22" s="45"/>
      <c r="N22" s="45"/>
      <c r="O22" s="46"/>
    </row>
    <row r="23" spans="1:15" ht="14.4" x14ac:dyDescent="0.3">
      <c r="A23" s="87"/>
      <c r="B23" s="88"/>
      <c r="C23" s="89"/>
      <c r="D23" s="54"/>
      <c r="E23" s="54"/>
      <c r="F23" s="54"/>
      <c r="G23" s="54"/>
      <c r="H23" s="44"/>
      <c r="I23" s="45"/>
      <c r="J23" s="45"/>
      <c r="K23" s="1"/>
      <c r="L23" s="45"/>
      <c r="M23" s="45"/>
      <c r="N23" s="45"/>
      <c r="O23" s="46"/>
    </row>
    <row r="24" spans="1:15" ht="14.4" x14ac:dyDescent="0.3">
      <c r="A24" s="90" t="s">
        <v>112</v>
      </c>
      <c r="B24" s="91" t="s">
        <v>10</v>
      </c>
      <c r="C24" s="61"/>
      <c r="D24" s="54"/>
      <c r="E24" s="54"/>
      <c r="F24" s="54"/>
      <c r="G24" s="54"/>
      <c r="H24" s="44"/>
      <c r="I24" s="45"/>
      <c r="J24" s="45"/>
      <c r="K24" s="1"/>
      <c r="L24" s="45"/>
      <c r="M24" s="45"/>
      <c r="N24" s="45"/>
      <c r="O24" s="46"/>
    </row>
    <row r="25" spans="1:15" ht="14.4" x14ac:dyDescent="0.3">
      <c r="A25" s="90"/>
      <c r="B25" s="92" t="s">
        <v>9</v>
      </c>
      <c r="C25" s="61"/>
      <c r="D25" s="54"/>
      <c r="E25" s="54"/>
      <c r="F25" s="54"/>
      <c r="G25" s="54"/>
      <c r="H25" s="44"/>
      <c r="I25" s="45"/>
      <c r="J25" s="45"/>
      <c r="K25" s="1"/>
      <c r="L25" s="45"/>
      <c r="M25" s="45"/>
      <c r="N25" s="45"/>
      <c r="O25" s="46"/>
    </row>
    <row r="26" spans="1:15" ht="14.4" x14ac:dyDescent="0.3">
      <c r="A26" s="90"/>
      <c r="B26" s="93"/>
      <c r="C26" s="94"/>
      <c r="D26" s="54"/>
      <c r="E26" s="54"/>
      <c r="F26" s="54"/>
      <c r="G26" s="54"/>
      <c r="H26" s="44"/>
      <c r="I26" s="45"/>
      <c r="J26" s="45"/>
      <c r="K26" s="1"/>
      <c r="L26" s="45"/>
      <c r="M26" s="45"/>
      <c r="N26" s="45"/>
      <c r="O26" s="46"/>
    </row>
    <row r="27" spans="1:15" ht="14.4" hidden="1" x14ac:dyDescent="0.3">
      <c r="A27" s="95" t="s">
        <v>8</v>
      </c>
      <c r="B27" s="96">
        <v>0</v>
      </c>
      <c r="C27" s="73" t="s">
        <v>7</v>
      </c>
      <c r="D27" s="67"/>
      <c r="E27" s="97"/>
      <c r="F27" s="54"/>
      <c r="G27" s="98"/>
      <c r="H27" s="54"/>
      <c r="I27" s="54"/>
      <c r="J27" s="45"/>
      <c r="K27" s="54"/>
      <c r="L27" s="54"/>
      <c r="M27" s="54"/>
    </row>
    <row r="28" spans="1:15" ht="14.4" x14ac:dyDescent="0.3">
      <c r="A28" s="95" t="s">
        <v>6</v>
      </c>
      <c r="B28" s="71">
        <v>45.966290000000001</v>
      </c>
      <c r="C28" s="99" t="s">
        <v>5</v>
      </c>
      <c r="D28" s="100"/>
      <c r="E28" s="101"/>
      <c r="G28" s="98"/>
      <c r="J28" s="45"/>
    </row>
    <row r="29" spans="1:15" ht="13.5" customHeight="1" x14ac:dyDescent="0.3">
      <c r="A29" s="95" t="s">
        <v>4</v>
      </c>
      <c r="B29" s="71">
        <v>603.69076000000018</v>
      </c>
      <c r="C29" s="99" t="s">
        <v>3</v>
      </c>
      <c r="D29" s="100"/>
      <c r="E29" s="97"/>
      <c r="G29" s="98"/>
      <c r="J29" s="45"/>
    </row>
    <row r="30" spans="1:15" ht="14.4" x14ac:dyDescent="0.3">
      <c r="A30" s="95" t="s">
        <v>2</v>
      </c>
      <c r="B30" s="71">
        <v>16519.538680000001</v>
      </c>
      <c r="C30" s="99" t="s">
        <v>1</v>
      </c>
      <c r="D30" s="100"/>
      <c r="E30" s="102"/>
      <c r="G30" s="98"/>
      <c r="J30" s="45"/>
    </row>
    <row r="31" spans="1:15" x14ac:dyDescent="0.3">
      <c r="A31" s="64"/>
      <c r="B31" s="71"/>
      <c r="C31" s="103"/>
      <c r="D31" s="104"/>
    </row>
    <row r="32" spans="1:15" ht="14.4" thickBot="1" x14ac:dyDescent="0.35">
      <c r="A32" s="105" t="s">
        <v>0</v>
      </c>
      <c r="B32" s="106">
        <v>17169.195730000003</v>
      </c>
      <c r="C32" s="107"/>
      <c r="D32" s="54"/>
    </row>
    <row r="33" spans="1:4" ht="15" thickTop="1" x14ac:dyDescent="0.3">
      <c r="A33" s="108"/>
      <c r="B33" s="52"/>
      <c r="C33" s="109"/>
      <c r="D33" s="54"/>
    </row>
  </sheetData>
  <pageMargins left="0.36" right="0.28000000000000003" top="0.7" bottom="0.73" header="0.5" footer="0.5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M78"/>
  <sheetViews>
    <sheetView topLeftCell="A58" workbookViewId="0">
      <selection activeCell="G71" sqref="G71:G77"/>
    </sheetView>
  </sheetViews>
  <sheetFormatPr defaultRowHeight="14.4" x14ac:dyDescent="0.3"/>
  <cols>
    <col min="1" max="1" width="3.109375" customWidth="1"/>
    <col min="2" max="3" width="14.33203125" customWidth="1"/>
    <col min="4" max="4" width="25.44140625" customWidth="1"/>
    <col min="5" max="5" width="30" customWidth="1"/>
    <col min="6" max="13" width="14.33203125" customWidth="1"/>
  </cols>
  <sheetData>
    <row r="3" spans="2:13" x14ac:dyDescent="0.3">
      <c r="B3" s="135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7"/>
    </row>
    <row r="4" spans="2:13" ht="15.6" x14ac:dyDescent="0.3">
      <c r="B4" s="132" t="s">
        <v>27</v>
      </c>
      <c r="C4" s="133"/>
      <c r="D4" s="133"/>
      <c r="E4" s="133"/>
      <c r="F4" s="133"/>
      <c r="G4" s="133"/>
      <c r="H4" s="133"/>
      <c r="I4" s="133"/>
      <c r="J4" s="133"/>
      <c r="K4" s="133"/>
      <c r="L4" s="133"/>
      <c r="M4" s="134"/>
    </row>
    <row r="5" spans="2:13" ht="15.6" x14ac:dyDescent="0.3">
      <c r="B5" s="132" t="s">
        <v>26</v>
      </c>
      <c r="C5" s="133"/>
      <c r="D5" s="133"/>
      <c r="E5" s="133"/>
      <c r="F5" s="133"/>
      <c r="G5" s="133"/>
      <c r="H5" s="133"/>
      <c r="I5" s="133"/>
      <c r="J5" s="133"/>
      <c r="K5" s="133"/>
      <c r="L5" s="133"/>
      <c r="M5" s="134"/>
    </row>
    <row r="6" spans="2:13" ht="15.6" x14ac:dyDescent="0.3">
      <c r="B6" s="132" t="s">
        <v>28</v>
      </c>
      <c r="C6" s="133"/>
      <c r="D6" s="133"/>
      <c r="E6" s="133"/>
      <c r="F6" s="133"/>
      <c r="G6" s="133"/>
      <c r="H6" s="133"/>
      <c r="I6" s="133"/>
      <c r="J6" s="133"/>
      <c r="K6" s="133"/>
      <c r="L6" s="133"/>
      <c r="M6" s="134"/>
    </row>
    <row r="7" spans="2:13" ht="15.6" x14ac:dyDescent="0.3">
      <c r="B7" s="132" t="s">
        <v>29</v>
      </c>
      <c r="C7" s="133"/>
      <c r="D7" s="133"/>
      <c r="E7" s="133"/>
      <c r="F7" s="133"/>
      <c r="G7" s="133"/>
      <c r="H7" s="133"/>
      <c r="I7" s="133"/>
      <c r="J7" s="133"/>
      <c r="K7" s="133"/>
      <c r="L7" s="133"/>
      <c r="M7" s="134"/>
    </row>
    <row r="8" spans="2:13" ht="15.6" x14ac:dyDescent="0.3">
      <c r="B8" s="132" t="s">
        <v>60</v>
      </c>
      <c r="C8" s="133"/>
      <c r="D8" s="133"/>
      <c r="E8" s="133"/>
      <c r="F8" s="133"/>
      <c r="G8" s="133"/>
      <c r="H8" s="133"/>
      <c r="I8" s="133"/>
      <c r="J8" s="133"/>
      <c r="K8" s="133"/>
      <c r="L8" s="133"/>
      <c r="M8" s="134"/>
    </row>
    <row r="9" spans="2:13" x14ac:dyDescent="0.3">
      <c r="B9" s="126"/>
      <c r="C9" s="127"/>
      <c r="D9" s="127"/>
      <c r="E9" s="127"/>
      <c r="F9" s="127"/>
      <c r="G9" s="127"/>
      <c r="H9" s="127"/>
      <c r="I9" s="127"/>
      <c r="J9" s="127"/>
      <c r="K9" s="127"/>
      <c r="L9" s="127"/>
      <c r="M9" s="128"/>
    </row>
    <row r="10" spans="2:13" x14ac:dyDescent="0.3">
      <c r="B10" s="129" t="s">
        <v>30</v>
      </c>
      <c r="C10" s="130"/>
      <c r="D10" s="130"/>
      <c r="E10" s="130"/>
      <c r="F10" s="130"/>
      <c r="G10" s="130"/>
      <c r="H10" s="130"/>
      <c r="I10" s="130"/>
      <c r="J10" s="130"/>
      <c r="K10" s="130"/>
      <c r="L10" s="130"/>
      <c r="M10" s="131"/>
    </row>
    <row r="11" spans="2:13" ht="39.6" x14ac:dyDescent="0.3">
      <c r="B11" s="2" t="s">
        <v>31</v>
      </c>
      <c r="C11" s="2" t="s">
        <v>32</v>
      </c>
      <c r="D11" s="2" t="s">
        <v>33</v>
      </c>
      <c r="E11" s="2" t="s">
        <v>32</v>
      </c>
      <c r="F11" s="3" t="s">
        <v>34</v>
      </c>
      <c r="G11" s="3" t="s">
        <v>35</v>
      </c>
      <c r="H11" s="3" t="s">
        <v>36</v>
      </c>
      <c r="I11" s="3" t="s">
        <v>24</v>
      </c>
      <c r="J11" s="3" t="s">
        <v>25</v>
      </c>
      <c r="K11" s="3" t="s">
        <v>37</v>
      </c>
      <c r="L11" s="3" t="s">
        <v>38</v>
      </c>
      <c r="M11" s="2" t="s">
        <v>39</v>
      </c>
    </row>
    <row r="12" spans="2:13" ht="26.4" x14ac:dyDescent="0.3">
      <c r="B12" s="4" t="s">
        <v>61</v>
      </c>
      <c r="C12" s="4" t="s">
        <v>62</v>
      </c>
      <c r="D12" s="4" t="s">
        <v>40</v>
      </c>
      <c r="E12" s="4" t="s">
        <v>41</v>
      </c>
      <c r="F12" s="5">
        <v>0</v>
      </c>
      <c r="G12" s="5">
        <v>0</v>
      </c>
      <c r="H12" s="5">
        <v>882</v>
      </c>
      <c r="I12" s="5">
        <v>0</v>
      </c>
      <c r="J12" s="5">
        <v>0</v>
      </c>
      <c r="K12" s="5">
        <v>0</v>
      </c>
      <c r="L12" s="5">
        <v>1698</v>
      </c>
      <c r="M12" s="4" t="s">
        <v>26</v>
      </c>
    </row>
    <row r="13" spans="2:13" ht="26.4" x14ac:dyDescent="0.3">
      <c r="B13" s="4" t="s">
        <v>61</v>
      </c>
      <c r="C13" s="4" t="s">
        <v>62</v>
      </c>
      <c r="D13" s="4" t="s">
        <v>42</v>
      </c>
      <c r="E13" s="4" t="s">
        <v>43</v>
      </c>
      <c r="F13" s="5">
        <v>0</v>
      </c>
      <c r="G13" s="5">
        <v>0</v>
      </c>
      <c r="H13" s="5">
        <v>0</v>
      </c>
      <c r="I13" s="5">
        <v>0</v>
      </c>
      <c r="J13" s="5">
        <v>0</v>
      </c>
      <c r="K13" s="5">
        <v>0</v>
      </c>
      <c r="L13" s="5">
        <v>691</v>
      </c>
      <c r="M13" s="4" t="s">
        <v>26</v>
      </c>
    </row>
    <row r="14" spans="2:13" ht="26.4" x14ac:dyDescent="0.3">
      <c r="B14" s="4" t="s">
        <v>61</v>
      </c>
      <c r="C14" s="4" t="s">
        <v>62</v>
      </c>
      <c r="D14" s="4" t="s">
        <v>44</v>
      </c>
      <c r="E14" s="4" t="s">
        <v>45</v>
      </c>
      <c r="F14" s="5">
        <v>400000</v>
      </c>
      <c r="G14" s="5">
        <v>400000</v>
      </c>
      <c r="H14" s="5">
        <v>48626</v>
      </c>
      <c r="I14" s="24">
        <v>348371</v>
      </c>
      <c r="J14" s="5">
        <v>-51629</v>
      </c>
      <c r="K14" s="5">
        <v>348371</v>
      </c>
      <c r="L14" s="5">
        <v>235721</v>
      </c>
      <c r="M14" s="4" t="s">
        <v>26</v>
      </c>
    </row>
    <row r="15" spans="2:13" ht="26.4" x14ac:dyDescent="0.3">
      <c r="B15" s="4" t="s">
        <v>61</v>
      </c>
      <c r="C15" s="4" t="s">
        <v>62</v>
      </c>
      <c r="D15" s="4" t="s">
        <v>63</v>
      </c>
      <c r="E15" s="4" t="s">
        <v>64</v>
      </c>
      <c r="F15" s="5">
        <v>0</v>
      </c>
      <c r="G15" s="5">
        <v>0</v>
      </c>
      <c r="H15" s="5">
        <v>0</v>
      </c>
      <c r="I15" s="5">
        <v>0</v>
      </c>
      <c r="J15" s="5">
        <v>0</v>
      </c>
      <c r="K15" s="5">
        <v>0</v>
      </c>
      <c r="L15" s="5">
        <v>1304</v>
      </c>
      <c r="M15" s="4" t="s">
        <v>26</v>
      </c>
    </row>
    <row r="16" spans="2:13" ht="26.4" x14ac:dyDescent="0.3">
      <c r="B16" s="4" t="s">
        <v>61</v>
      </c>
      <c r="C16" s="4" t="s">
        <v>62</v>
      </c>
      <c r="D16" s="4" t="s">
        <v>65</v>
      </c>
      <c r="E16" s="4" t="s">
        <v>66</v>
      </c>
      <c r="F16" s="5">
        <v>0</v>
      </c>
      <c r="G16" s="5">
        <v>0</v>
      </c>
      <c r="H16" s="5">
        <v>0</v>
      </c>
      <c r="I16" s="5">
        <v>0</v>
      </c>
      <c r="J16" s="5">
        <v>0</v>
      </c>
      <c r="K16" s="5">
        <v>0</v>
      </c>
      <c r="L16" s="5">
        <v>-4858</v>
      </c>
      <c r="M16" s="4" t="s">
        <v>26</v>
      </c>
    </row>
    <row r="17" spans="2:13" x14ac:dyDescent="0.3">
      <c r="B17" s="120" t="s">
        <v>46</v>
      </c>
      <c r="C17" s="121"/>
      <c r="D17" s="121"/>
      <c r="E17" s="122"/>
      <c r="F17" s="6">
        <v>400000</v>
      </c>
      <c r="G17" s="6">
        <v>400000</v>
      </c>
      <c r="H17" s="6">
        <v>49508</v>
      </c>
      <c r="I17" s="6">
        <v>348371</v>
      </c>
      <c r="J17" s="6">
        <v>-51629</v>
      </c>
      <c r="K17" s="6">
        <v>348371</v>
      </c>
      <c r="L17" s="6">
        <v>234556</v>
      </c>
      <c r="M17" s="7"/>
    </row>
    <row r="18" spans="2:13" ht="26.4" x14ac:dyDescent="0.3">
      <c r="B18" s="4" t="s">
        <v>61</v>
      </c>
      <c r="C18" s="4" t="s">
        <v>62</v>
      </c>
      <c r="D18" s="4" t="s">
        <v>47</v>
      </c>
      <c r="E18" s="4" t="s">
        <v>48</v>
      </c>
      <c r="F18" s="5">
        <v>0</v>
      </c>
      <c r="G18" s="5">
        <v>0</v>
      </c>
      <c r="H18" s="5">
        <v>1760</v>
      </c>
      <c r="I18" s="5">
        <v>0</v>
      </c>
      <c r="J18" s="5">
        <v>0</v>
      </c>
      <c r="K18" s="5">
        <v>0</v>
      </c>
      <c r="L18" s="5">
        <v>28406</v>
      </c>
      <c r="M18" s="4" t="s">
        <v>26</v>
      </c>
    </row>
    <row r="19" spans="2:13" ht="26.4" x14ac:dyDescent="0.3">
      <c r="B19" s="4" t="s">
        <v>61</v>
      </c>
      <c r="C19" s="4" t="s">
        <v>62</v>
      </c>
      <c r="D19" s="4" t="s">
        <v>49</v>
      </c>
      <c r="E19" s="4" t="s">
        <v>50</v>
      </c>
      <c r="F19" s="5">
        <v>0</v>
      </c>
      <c r="G19" s="5">
        <v>0</v>
      </c>
      <c r="H19" s="5">
        <v>4331</v>
      </c>
      <c r="I19" s="5">
        <v>0</v>
      </c>
      <c r="J19" s="5">
        <v>0</v>
      </c>
      <c r="K19" s="5">
        <v>0</v>
      </c>
      <c r="L19" s="5">
        <v>0</v>
      </c>
      <c r="M19" s="4" t="s">
        <v>26</v>
      </c>
    </row>
    <row r="20" spans="2:13" ht="26.4" x14ac:dyDescent="0.3">
      <c r="B20" s="4" t="s">
        <v>61</v>
      </c>
      <c r="C20" s="4" t="s">
        <v>62</v>
      </c>
      <c r="D20" s="4" t="s">
        <v>67</v>
      </c>
      <c r="E20" s="4" t="s">
        <v>68</v>
      </c>
      <c r="F20" s="5">
        <v>-725000</v>
      </c>
      <c r="G20" s="5">
        <v>-725000</v>
      </c>
      <c r="H20" s="5">
        <v>-19492</v>
      </c>
      <c r="I20" s="24">
        <v>-621000</v>
      </c>
      <c r="J20" s="5">
        <v>104000</v>
      </c>
      <c r="K20" s="5">
        <v>-621000</v>
      </c>
      <c r="L20" s="5">
        <v>-446629</v>
      </c>
      <c r="M20" s="4" t="s">
        <v>26</v>
      </c>
    </row>
    <row r="21" spans="2:13" x14ac:dyDescent="0.3">
      <c r="B21" s="120" t="s">
        <v>51</v>
      </c>
      <c r="C21" s="121"/>
      <c r="D21" s="121"/>
      <c r="E21" s="122"/>
      <c r="F21" s="6">
        <v>-725000</v>
      </c>
      <c r="G21" s="6">
        <v>-725000</v>
      </c>
      <c r="H21" s="6">
        <v>-13401</v>
      </c>
      <c r="I21" s="6">
        <v>-621000</v>
      </c>
      <c r="J21" s="6">
        <v>104000</v>
      </c>
      <c r="K21" s="6">
        <v>-621000</v>
      </c>
      <c r="L21" s="6">
        <v>-418223</v>
      </c>
      <c r="M21" s="7"/>
    </row>
    <row r="22" spans="2:13" x14ac:dyDescent="0.3">
      <c r="B22" s="120" t="s">
        <v>52</v>
      </c>
      <c r="C22" s="121"/>
      <c r="D22" s="121"/>
      <c r="E22" s="122"/>
      <c r="F22" s="6">
        <v>-325000</v>
      </c>
      <c r="G22" s="6">
        <v>-325000</v>
      </c>
      <c r="H22" s="6">
        <v>36107</v>
      </c>
      <c r="I22" s="6">
        <v>-272629</v>
      </c>
      <c r="J22" s="6">
        <v>52371</v>
      </c>
      <c r="K22" s="6">
        <v>-272629</v>
      </c>
      <c r="L22" s="6">
        <v>-183667</v>
      </c>
      <c r="M22" s="7"/>
    </row>
    <row r="23" spans="2:13" ht="26.4" x14ac:dyDescent="0.3">
      <c r="B23" s="4" t="s">
        <v>61</v>
      </c>
      <c r="C23" s="4" t="s">
        <v>62</v>
      </c>
      <c r="D23" s="4" t="s">
        <v>53</v>
      </c>
      <c r="E23" s="4" t="s">
        <v>54</v>
      </c>
      <c r="F23" s="5">
        <v>0</v>
      </c>
      <c r="G23" s="5">
        <v>0</v>
      </c>
      <c r="H23" s="5">
        <v>0</v>
      </c>
      <c r="I23" s="24">
        <v>0</v>
      </c>
      <c r="J23" s="5">
        <v>0</v>
      </c>
      <c r="K23" s="5">
        <v>0</v>
      </c>
      <c r="L23" s="5">
        <v>-85655</v>
      </c>
      <c r="M23" s="4" t="s">
        <v>26</v>
      </c>
    </row>
    <row r="24" spans="2:13" ht="26.4" x14ac:dyDescent="0.3">
      <c r="B24" s="4" t="s">
        <v>61</v>
      </c>
      <c r="C24" s="4" t="s">
        <v>62</v>
      </c>
      <c r="D24" s="4" t="s">
        <v>55</v>
      </c>
      <c r="E24" s="4" t="s">
        <v>56</v>
      </c>
      <c r="F24" s="5">
        <v>0</v>
      </c>
      <c r="G24" s="5">
        <v>0</v>
      </c>
      <c r="H24" s="5">
        <v>0</v>
      </c>
      <c r="I24" s="24">
        <v>0</v>
      </c>
      <c r="J24" s="5">
        <v>0</v>
      </c>
      <c r="K24" s="5">
        <v>0</v>
      </c>
      <c r="L24" s="5">
        <v>-7582</v>
      </c>
      <c r="M24" s="4" t="s">
        <v>26</v>
      </c>
    </row>
    <row r="25" spans="2:13" x14ac:dyDescent="0.3">
      <c r="B25" s="120" t="s">
        <v>57</v>
      </c>
      <c r="C25" s="121"/>
      <c r="D25" s="121"/>
      <c r="E25" s="122"/>
      <c r="F25" s="6">
        <v>0</v>
      </c>
      <c r="G25" s="6">
        <v>0</v>
      </c>
      <c r="H25" s="6">
        <v>0</v>
      </c>
      <c r="I25" s="6">
        <v>0</v>
      </c>
      <c r="J25" s="6">
        <v>0</v>
      </c>
      <c r="K25" s="6">
        <v>0</v>
      </c>
      <c r="L25" s="6">
        <v>-93237</v>
      </c>
      <c r="M25" s="7"/>
    </row>
    <row r="26" spans="2:13" x14ac:dyDescent="0.3">
      <c r="B26" s="120" t="s">
        <v>58</v>
      </c>
      <c r="C26" s="121"/>
      <c r="D26" s="121"/>
      <c r="E26" s="122"/>
      <c r="F26" s="6">
        <v>0</v>
      </c>
      <c r="G26" s="6">
        <v>0</v>
      </c>
      <c r="H26" s="6">
        <v>0</v>
      </c>
      <c r="I26" s="6">
        <v>0</v>
      </c>
      <c r="J26" s="6">
        <v>0</v>
      </c>
      <c r="K26" s="6">
        <v>0</v>
      </c>
      <c r="L26" s="6">
        <v>-93237</v>
      </c>
      <c r="M26" s="7"/>
    </row>
    <row r="27" spans="2:13" x14ac:dyDescent="0.3">
      <c r="B27" s="120" t="s">
        <v>59</v>
      </c>
      <c r="C27" s="121"/>
      <c r="D27" s="121"/>
      <c r="E27" s="122"/>
      <c r="F27" s="6">
        <v>-325000</v>
      </c>
      <c r="G27" s="6">
        <v>-325000</v>
      </c>
      <c r="H27" s="6">
        <v>36107</v>
      </c>
      <c r="I27" s="6">
        <v>-272629</v>
      </c>
      <c r="J27" s="6">
        <v>52371</v>
      </c>
      <c r="K27" s="6">
        <v>-272629</v>
      </c>
      <c r="L27" s="6">
        <v>-276904</v>
      </c>
      <c r="M27" s="7"/>
    </row>
    <row r="28" spans="2:13" x14ac:dyDescent="0.3">
      <c r="B28" s="8"/>
      <c r="C28" s="8"/>
      <c r="D28" s="8"/>
      <c r="E28" s="8"/>
      <c r="F28" s="8"/>
      <c r="G28" s="8"/>
      <c r="H28" s="8">
        <v>821025</v>
      </c>
      <c r="I28" s="20">
        <f>-I20</f>
        <v>621000</v>
      </c>
      <c r="K28" s="8"/>
      <c r="L28" s="8"/>
      <c r="M28" s="8"/>
    </row>
    <row r="29" spans="2:13" x14ac:dyDescent="0.3">
      <c r="I29" s="21">
        <f>SUM(I27:I28)</f>
        <v>348371</v>
      </c>
    </row>
    <row r="31" spans="2:13" x14ac:dyDescent="0.3">
      <c r="B31" s="123" t="s">
        <v>69</v>
      </c>
      <c r="C31" s="124"/>
      <c r="D31" s="9" t="s">
        <v>70</v>
      </c>
      <c r="E31" s="123" t="s">
        <v>71</v>
      </c>
      <c r="F31" s="125"/>
      <c r="G31" s="124"/>
      <c r="H31" s="123" t="s">
        <v>72</v>
      </c>
      <c r="I31" s="125"/>
      <c r="J31" s="124"/>
      <c r="K31" s="9" t="s">
        <v>73</v>
      </c>
    </row>
    <row r="32" spans="2:13" x14ac:dyDescent="0.3">
      <c r="B32" s="10" t="s">
        <v>74</v>
      </c>
      <c r="C32" s="10" t="s">
        <v>32</v>
      </c>
      <c r="D32" s="9" t="s">
        <v>75</v>
      </c>
      <c r="E32" s="9" t="s">
        <v>75</v>
      </c>
      <c r="F32" s="9" t="s">
        <v>76</v>
      </c>
      <c r="G32" s="9" t="s">
        <v>77</v>
      </c>
      <c r="H32" s="9" t="s">
        <v>75</v>
      </c>
      <c r="I32" s="9" t="s">
        <v>76</v>
      </c>
      <c r="J32" s="9" t="s">
        <v>77</v>
      </c>
      <c r="K32" s="9" t="s">
        <v>78</v>
      </c>
    </row>
    <row r="33" spans="2:11" ht="39.6" x14ac:dyDescent="0.3">
      <c r="B33" s="11" t="s">
        <v>40</v>
      </c>
      <c r="C33" s="11" t="s">
        <v>41</v>
      </c>
      <c r="D33" s="12">
        <v>0</v>
      </c>
      <c r="E33" s="12">
        <v>0</v>
      </c>
      <c r="F33" s="12">
        <v>0</v>
      </c>
      <c r="G33" s="12">
        <v>0</v>
      </c>
      <c r="H33" s="12">
        <v>0</v>
      </c>
      <c r="I33" s="12">
        <v>1698.06</v>
      </c>
      <c r="J33" s="12">
        <v>1698.06</v>
      </c>
      <c r="K33" s="12">
        <v>301.94</v>
      </c>
    </row>
    <row r="34" spans="2:11" x14ac:dyDescent="0.3">
      <c r="B34" s="11" t="s">
        <v>42</v>
      </c>
      <c r="C34" s="11" t="s">
        <v>43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690.64</v>
      </c>
      <c r="J34" s="12">
        <v>690.64</v>
      </c>
      <c r="K34" s="12">
        <v>0</v>
      </c>
    </row>
    <row r="35" spans="2:11" x14ac:dyDescent="0.3">
      <c r="B35" s="11" t="s">
        <v>44</v>
      </c>
      <c r="C35" s="11" t="s">
        <v>45</v>
      </c>
      <c r="D35" s="12">
        <v>400000</v>
      </c>
      <c r="E35" s="12">
        <v>33333</v>
      </c>
      <c r="F35" s="12">
        <v>-152612.5</v>
      </c>
      <c r="G35" s="12">
        <v>-185945.5</v>
      </c>
      <c r="H35" s="12">
        <v>400000</v>
      </c>
      <c r="I35" s="12">
        <v>235720.58</v>
      </c>
      <c r="J35" s="12">
        <v>-164279.42000000001</v>
      </c>
      <c r="K35" s="12">
        <v>1059361.05</v>
      </c>
    </row>
    <row r="36" spans="2:11" x14ac:dyDescent="0.3">
      <c r="B36" s="11" t="s">
        <v>63</v>
      </c>
      <c r="C36" s="11" t="s">
        <v>64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1304</v>
      </c>
      <c r="J36" s="12">
        <v>1304</v>
      </c>
      <c r="K36" s="12">
        <v>0</v>
      </c>
    </row>
    <row r="37" spans="2:11" ht="26.4" x14ac:dyDescent="0.3">
      <c r="B37" s="11" t="s">
        <v>65</v>
      </c>
      <c r="C37" s="11" t="s">
        <v>66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-4857.74</v>
      </c>
      <c r="J37" s="12">
        <v>-4857.74</v>
      </c>
      <c r="K37" s="12">
        <v>0</v>
      </c>
    </row>
    <row r="38" spans="2:11" x14ac:dyDescent="0.3">
      <c r="B38" s="118" t="s">
        <v>79</v>
      </c>
      <c r="C38" s="119"/>
      <c r="D38" s="13">
        <v>400000</v>
      </c>
      <c r="E38" s="13">
        <v>33333</v>
      </c>
      <c r="F38" s="13">
        <v>-152612.5</v>
      </c>
      <c r="G38" s="13">
        <v>-185945.5</v>
      </c>
      <c r="H38" s="13">
        <v>400000</v>
      </c>
      <c r="I38" s="22">
        <v>234555.54</v>
      </c>
      <c r="J38" s="13">
        <v>-165444.46</v>
      </c>
      <c r="K38" s="13">
        <v>1059662.99</v>
      </c>
    </row>
    <row r="39" spans="2:11" x14ac:dyDescent="0.3">
      <c r="B39" s="11" t="s">
        <v>53</v>
      </c>
      <c r="C39" s="11" t="s">
        <v>54</v>
      </c>
      <c r="D39" s="12">
        <v>0</v>
      </c>
      <c r="E39" s="12">
        <v>0</v>
      </c>
      <c r="F39" s="12">
        <v>-80800</v>
      </c>
      <c r="G39" s="12">
        <v>-80800</v>
      </c>
      <c r="H39" s="12">
        <v>0</v>
      </c>
      <c r="I39" s="12">
        <v>-85655</v>
      </c>
      <c r="J39" s="12">
        <v>-85655</v>
      </c>
      <c r="K39" s="12">
        <v>0</v>
      </c>
    </row>
    <row r="40" spans="2:11" ht="26.4" x14ac:dyDescent="0.3">
      <c r="B40" s="11" t="s">
        <v>55</v>
      </c>
      <c r="C40" s="11" t="s">
        <v>56</v>
      </c>
      <c r="D40" s="12">
        <v>0</v>
      </c>
      <c r="E40" s="12">
        <v>0</v>
      </c>
      <c r="F40" s="12">
        <v>-25566.5</v>
      </c>
      <c r="G40" s="12">
        <v>-25566.5</v>
      </c>
      <c r="H40" s="12">
        <v>0</v>
      </c>
      <c r="I40" s="12">
        <v>-7582</v>
      </c>
      <c r="J40" s="12">
        <v>-7582</v>
      </c>
      <c r="K40" s="12">
        <v>0</v>
      </c>
    </row>
    <row r="41" spans="2:11" x14ac:dyDescent="0.3">
      <c r="B41" s="118" t="s">
        <v>80</v>
      </c>
      <c r="C41" s="119"/>
      <c r="D41" s="13">
        <v>0</v>
      </c>
      <c r="E41" s="13">
        <v>0</v>
      </c>
      <c r="F41" s="13">
        <v>-106366.5</v>
      </c>
      <c r="G41" s="13">
        <v>-106366.5</v>
      </c>
      <c r="H41" s="13">
        <v>0</v>
      </c>
      <c r="I41" s="22">
        <v>-93237</v>
      </c>
      <c r="J41" s="13">
        <v>-93237</v>
      </c>
      <c r="K41" s="13">
        <v>0</v>
      </c>
    </row>
    <row r="42" spans="2:11" ht="26.4" x14ac:dyDescent="0.3">
      <c r="B42" s="11" t="s">
        <v>47</v>
      </c>
      <c r="C42" s="11" t="s">
        <v>48</v>
      </c>
      <c r="D42" s="12">
        <v>0</v>
      </c>
      <c r="E42" s="12">
        <v>0</v>
      </c>
      <c r="F42" s="12">
        <v>7042.63</v>
      </c>
      <c r="G42" s="12">
        <v>7042.63</v>
      </c>
      <c r="H42" s="12">
        <v>0</v>
      </c>
      <c r="I42" s="23">
        <v>28406.06</v>
      </c>
      <c r="J42" s="12">
        <v>28406.06</v>
      </c>
      <c r="K42" s="12">
        <v>0</v>
      </c>
    </row>
    <row r="43" spans="2:11" ht="26.4" x14ac:dyDescent="0.3">
      <c r="B43" s="11" t="s">
        <v>67</v>
      </c>
      <c r="C43" s="11" t="s">
        <v>68</v>
      </c>
      <c r="D43" s="12">
        <v>-725000</v>
      </c>
      <c r="E43" s="12">
        <v>-60417</v>
      </c>
      <c r="F43" s="12">
        <v>-446629.41</v>
      </c>
      <c r="G43" s="12">
        <v>-386212.41</v>
      </c>
      <c r="H43" s="12">
        <v>-725000</v>
      </c>
      <c r="I43" s="43">
        <v>-446629.41</v>
      </c>
      <c r="J43" s="12">
        <v>278370.59000000003</v>
      </c>
      <c r="K43" s="12">
        <v>0</v>
      </c>
    </row>
    <row r="44" spans="2:11" x14ac:dyDescent="0.3">
      <c r="B44" s="118" t="s">
        <v>81</v>
      </c>
      <c r="C44" s="119"/>
      <c r="D44" s="13">
        <v>-725000</v>
      </c>
      <c r="E44" s="13">
        <v>-60417</v>
      </c>
      <c r="F44" s="13">
        <v>-439586.78</v>
      </c>
      <c r="G44" s="13">
        <v>-379169.78</v>
      </c>
      <c r="H44" s="13">
        <v>-725000</v>
      </c>
      <c r="I44" s="13">
        <v>-418223.35</v>
      </c>
      <c r="J44" s="13">
        <v>306776.65000000002</v>
      </c>
      <c r="K44" s="13">
        <v>0</v>
      </c>
    </row>
    <row r="45" spans="2:11" x14ac:dyDescent="0.3">
      <c r="B45" s="118" t="s">
        <v>82</v>
      </c>
      <c r="C45" s="119"/>
      <c r="D45" s="13">
        <v>-325000</v>
      </c>
      <c r="E45" s="13">
        <v>-27084</v>
      </c>
      <c r="F45" s="13">
        <v>-698565.78</v>
      </c>
      <c r="G45" s="13">
        <v>-671481.78</v>
      </c>
      <c r="H45" s="13">
        <v>-325000</v>
      </c>
      <c r="I45" s="13">
        <v>-276904.81</v>
      </c>
      <c r="J45" s="13">
        <v>48095.19</v>
      </c>
      <c r="K45" s="13">
        <v>1059662.99</v>
      </c>
    </row>
    <row r="46" spans="2:11" x14ac:dyDescent="0.3">
      <c r="B46" s="11" t="s">
        <v>83</v>
      </c>
      <c r="C46" s="11" t="s">
        <v>84</v>
      </c>
      <c r="D46" s="12">
        <v>0</v>
      </c>
      <c r="E46" s="12">
        <v>0</v>
      </c>
      <c r="F46" s="12">
        <v>7420767.7699999996</v>
      </c>
      <c r="G46" s="12">
        <v>7420767.7699999996</v>
      </c>
      <c r="H46" s="12">
        <v>0</v>
      </c>
      <c r="I46" s="41">
        <v>7420767.7699999996</v>
      </c>
      <c r="J46" s="12">
        <v>7420767.7699999996</v>
      </c>
      <c r="K46" s="12">
        <v>0</v>
      </c>
    </row>
    <row r="47" spans="2:11" ht="39.6" x14ac:dyDescent="0.3">
      <c r="B47" s="11" t="s">
        <v>85</v>
      </c>
      <c r="C47" s="11" t="s">
        <v>86</v>
      </c>
      <c r="D47" s="12">
        <v>0</v>
      </c>
      <c r="E47" s="12">
        <v>0</v>
      </c>
      <c r="F47" s="12">
        <v>9900</v>
      </c>
      <c r="G47" s="12">
        <v>9900</v>
      </c>
      <c r="H47" s="12">
        <v>0</v>
      </c>
      <c r="I47" s="41">
        <v>9900</v>
      </c>
      <c r="J47" s="12">
        <v>9900</v>
      </c>
      <c r="K47" s="12">
        <v>0</v>
      </c>
    </row>
    <row r="48" spans="2:11" ht="26.4" x14ac:dyDescent="0.3">
      <c r="B48" s="11" t="s">
        <v>87</v>
      </c>
      <c r="C48" s="11" t="s">
        <v>88</v>
      </c>
      <c r="D48" s="12">
        <v>0</v>
      </c>
      <c r="E48" s="12">
        <v>0</v>
      </c>
      <c r="F48" s="12">
        <v>848268.78</v>
      </c>
      <c r="G48" s="12">
        <v>848268.78</v>
      </c>
      <c r="H48" s="12">
        <v>0</v>
      </c>
      <c r="I48" s="41">
        <v>848268.78</v>
      </c>
      <c r="J48" s="12">
        <v>848268.78</v>
      </c>
      <c r="K48" s="12">
        <v>0</v>
      </c>
    </row>
    <row r="49" spans="2:11" x14ac:dyDescent="0.3">
      <c r="B49" s="118" t="s">
        <v>89</v>
      </c>
      <c r="C49" s="119"/>
      <c r="D49" s="13">
        <v>0</v>
      </c>
      <c r="E49" s="13">
        <v>0</v>
      </c>
      <c r="F49" s="13">
        <v>8278936.5499999998</v>
      </c>
      <c r="G49" s="13">
        <v>8278936.5499999998</v>
      </c>
      <c r="H49" s="13">
        <v>0</v>
      </c>
      <c r="I49" s="13">
        <v>8278936.5499999998</v>
      </c>
      <c r="J49" s="13">
        <v>8278936.5499999998</v>
      </c>
      <c r="K49" s="13">
        <v>0</v>
      </c>
    </row>
    <row r="50" spans="2:11" x14ac:dyDescent="0.3">
      <c r="B50" s="118" t="s">
        <v>90</v>
      </c>
      <c r="C50" s="119"/>
      <c r="D50" s="13">
        <v>0</v>
      </c>
      <c r="E50" s="13">
        <v>0</v>
      </c>
      <c r="F50" s="13">
        <v>8278936.5499999998</v>
      </c>
      <c r="G50" s="13">
        <v>8278936.5499999998</v>
      </c>
      <c r="H50" s="13">
        <v>0</v>
      </c>
      <c r="I50" s="13">
        <v>8278936.5499999998</v>
      </c>
      <c r="J50" s="13">
        <v>8278936.5499999998</v>
      </c>
      <c r="K50" s="13">
        <v>0</v>
      </c>
    </row>
    <row r="51" spans="2:11" x14ac:dyDescent="0.3">
      <c r="B51" s="118" t="s">
        <v>59</v>
      </c>
      <c r="C51" s="119"/>
      <c r="D51" s="13">
        <v>-325000</v>
      </c>
      <c r="E51" s="13">
        <v>-27084</v>
      </c>
      <c r="F51" s="13">
        <v>7580370.7699999996</v>
      </c>
      <c r="G51" s="13">
        <v>7607454.7699999996</v>
      </c>
      <c r="H51" s="13">
        <v>-325000</v>
      </c>
      <c r="I51" s="13">
        <v>8002031.7400000002</v>
      </c>
      <c r="J51" s="13">
        <v>8327031.7400000002</v>
      </c>
      <c r="K51" s="13">
        <v>1059662.99</v>
      </c>
    </row>
    <row r="52" spans="2:11" x14ac:dyDescent="0.3">
      <c r="B52" s="8"/>
      <c r="C52" s="8"/>
      <c r="D52" s="8"/>
      <c r="E52" s="8"/>
      <c r="F52" s="8"/>
      <c r="G52" s="8"/>
      <c r="H52" s="8"/>
      <c r="I52" s="8"/>
      <c r="J52" s="8"/>
      <c r="K52" s="8"/>
    </row>
    <row r="53" spans="2:11" x14ac:dyDescent="0.3">
      <c r="B53" s="14" t="s">
        <v>91</v>
      </c>
      <c r="C53" s="15"/>
      <c r="J53" s="40">
        <f>+I45+-I43</f>
        <v>169724.59999999998</v>
      </c>
    </row>
    <row r="54" spans="2:11" ht="26.4" x14ac:dyDescent="0.3">
      <c r="B54" s="16" t="s">
        <v>67</v>
      </c>
      <c r="C54" s="11" t="s">
        <v>68</v>
      </c>
      <c r="I54" s="42">
        <f>+-I43</f>
        <v>446629.41</v>
      </c>
    </row>
    <row r="55" spans="2:11" x14ac:dyDescent="0.3">
      <c r="B55" s="16" t="s">
        <v>83</v>
      </c>
      <c r="C55" s="11" t="s">
        <v>84</v>
      </c>
      <c r="I55" s="17">
        <f>-I46</f>
        <v>-7420767.7699999996</v>
      </c>
    </row>
    <row r="56" spans="2:11" ht="39.6" x14ac:dyDescent="0.3">
      <c r="B56" s="16" t="s">
        <v>85</v>
      </c>
      <c r="C56" s="11" t="s">
        <v>86</v>
      </c>
      <c r="I56" s="17">
        <f>-I47</f>
        <v>-9900</v>
      </c>
    </row>
    <row r="57" spans="2:11" ht="26.4" x14ac:dyDescent="0.3">
      <c r="B57" s="16" t="s">
        <v>87</v>
      </c>
      <c r="C57" s="11" t="s">
        <v>88</v>
      </c>
      <c r="I57" s="17">
        <f>-I48</f>
        <v>-848268.78</v>
      </c>
    </row>
    <row r="58" spans="2:11" ht="15" thickBot="1" x14ac:dyDescent="0.35">
      <c r="I58" s="18">
        <f>SUM(I51:I57)</f>
        <v>169724.60000000079</v>
      </c>
    </row>
    <row r="59" spans="2:11" ht="15" thickTop="1" x14ac:dyDescent="0.3"/>
    <row r="61" spans="2:11" x14ac:dyDescent="0.3">
      <c r="B61" s="19" t="s">
        <v>92</v>
      </c>
    </row>
    <row r="63" spans="2:11" x14ac:dyDescent="0.3">
      <c r="B63" s="30"/>
      <c r="C63" s="29"/>
      <c r="D63" s="29"/>
      <c r="E63" s="29"/>
      <c r="F63" s="29"/>
      <c r="G63" s="31"/>
    </row>
    <row r="64" spans="2:11" ht="15.6" x14ac:dyDescent="0.3">
      <c r="B64" s="115" t="s">
        <v>27</v>
      </c>
      <c r="C64" s="116"/>
      <c r="D64" s="116"/>
      <c r="E64" s="116"/>
      <c r="F64" s="116"/>
      <c r="G64" s="117"/>
    </row>
    <row r="65" spans="2:7" ht="15.6" x14ac:dyDescent="0.3">
      <c r="B65" s="115" t="s">
        <v>93</v>
      </c>
      <c r="C65" s="116"/>
      <c r="D65" s="116"/>
      <c r="E65" s="116"/>
      <c r="F65" s="116"/>
      <c r="G65" s="117"/>
    </row>
    <row r="66" spans="2:7" ht="15.6" x14ac:dyDescent="0.3">
      <c r="B66" s="115" t="s">
        <v>94</v>
      </c>
      <c r="C66" s="116"/>
      <c r="D66" s="116"/>
      <c r="E66" s="116"/>
      <c r="F66" s="116"/>
      <c r="G66" s="117"/>
    </row>
    <row r="67" spans="2:7" ht="15.6" x14ac:dyDescent="0.3">
      <c r="B67" s="115" t="s">
        <v>95</v>
      </c>
      <c r="C67" s="116"/>
      <c r="D67" s="116"/>
      <c r="E67" s="116"/>
      <c r="F67" s="116"/>
      <c r="G67" s="117"/>
    </row>
    <row r="68" spans="2:7" ht="15.6" x14ac:dyDescent="0.3">
      <c r="B68" s="115" t="s">
        <v>26</v>
      </c>
      <c r="C68" s="116"/>
      <c r="D68" s="116"/>
      <c r="E68" s="116"/>
      <c r="F68" s="116"/>
      <c r="G68" s="117"/>
    </row>
    <row r="69" spans="2:7" x14ac:dyDescent="0.3">
      <c r="B69" s="112"/>
      <c r="C69" s="113"/>
      <c r="D69" s="113"/>
      <c r="E69" s="113"/>
      <c r="F69" s="113"/>
      <c r="G69" s="114"/>
    </row>
    <row r="70" spans="2:7" ht="26.4" x14ac:dyDescent="0.3">
      <c r="B70" s="32" t="s">
        <v>96</v>
      </c>
      <c r="C70" s="25" t="s">
        <v>97</v>
      </c>
      <c r="D70" s="25" t="s">
        <v>98</v>
      </c>
      <c r="E70" s="25" t="s">
        <v>99</v>
      </c>
      <c r="F70" s="26" t="s">
        <v>35</v>
      </c>
      <c r="G70" s="33" t="s">
        <v>100</v>
      </c>
    </row>
    <row r="71" spans="2:7" ht="26.4" x14ac:dyDescent="0.3">
      <c r="B71" s="34" t="s">
        <v>101</v>
      </c>
      <c r="C71" s="27" t="s">
        <v>102</v>
      </c>
      <c r="D71" s="27" t="s">
        <v>103</v>
      </c>
      <c r="E71" s="27" t="s">
        <v>104</v>
      </c>
      <c r="F71" s="28">
        <v>400000</v>
      </c>
      <c r="G71" s="35">
        <v>22169.94</v>
      </c>
    </row>
    <row r="72" spans="2:7" ht="26.4" x14ac:dyDescent="0.3">
      <c r="B72" s="34" t="s">
        <v>101</v>
      </c>
      <c r="C72" s="27" t="s">
        <v>102</v>
      </c>
      <c r="D72" s="27" t="s">
        <v>103</v>
      </c>
      <c r="E72" s="27" t="s">
        <v>105</v>
      </c>
      <c r="F72" s="28">
        <v>0</v>
      </c>
      <c r="G72" s="35">
        <v>51616.79</v>
      </c>
    </row>
    <row r="73" spans="2:7" ht="26.4" x14ac:dyDescent="0.3">
      <c r="B73" s="34" t="s">
        <v>101</v>
      </c>
      <c r="C73" s="27" t="s">
        <v>102</v>
      </c>
      <c r="D73" s="27" t="s">
        <v>103</v>
      </c>
      <c r="E73" s="27" t="s">
        <v>106</v>
      </c>
      <c r="F73" s="28">
        <v>0</v>
      </c>
      <c r="G73" s="35">
        <v>540</v>
      </c>
    </row>
    <row r="74" spans="2:7" ht="26.4" x14ac:dyDescent="0.3">
      <c r="B74" s="34" t="s">
        <v>101</v>
      </c>
      <c r="C74" s="27" t="s">
        <v>102</v>
      </c>
      <c r="D74" s="27" t="s">
        <v>103</v>
      </c>
      <c r="E74" s="27" t="s">
        <v>107</v>
      </c>
      <c r="F74" s="28">
        <v>-725000</v>
      </c>
      <c r="G74" s="35">
        <v>-470000</v>
      </c>
    </row>
    <row r="75" spans="2:7" ht="26.4" x14ac:dyDescent="0.3">
      <c r="B75" s="34" t="s">
        <v>101</v>
      </c>
      <c r="C75" s="27" t="s">
        <v>102</v>
      </c>
      <c r="D75" s="27" t="s">
        <v>103</v>
      </c>
      <c r="E75" s="27" t="s">
        <v>108</v>
      </c>
      <c r="F75" s="28">
        <v>0</v>
      </c>
      <c r="G75" s="35">
        <v>9926</v>
      </c>
    </row>
    <row r="76" spans="2:7" ht="26.4" x14ac:dyDescent="0.3">
      <c r="B76" s="34" t="s">
        <v>101</v>
      </c>
      <c r="C76" s="27" t="s">
        <v>102</v>
      </c>
      <c r="D76" s="27" t="s">
        <v>103</v>
      </c>
      <c r="E76" s="27" t="s">
        <v>109</v>
      </c>
      <c r="F76" s="28">
        <v>0</v>
      </c>
      <c r="G76" s="35">
        <v>27.5</v>
      </c>
    </row>
    <row r="77" spans="2:7" ht="26.4" x14ac:dyDescent="0.3">
      <c r="B77" s="36" t="s">
        <v>101</v>
      </c>
      <c r="C77" s="37" t="s">
        <v>102</v>
      </c>
      <c r="D77" s="37" t="s">
        <v>103</v>
      </c>
      <c r="E77" s="37" t="s">
        <v>110</v>
      </c>
      <c r="F77" s="38">
        <v>0</v>
      </c>
      <c r="G77" s="39">
        <v>199.66</v>
      </c>
    </row>
    <row r="78" spans="2:7" x14ac:dyDescent="0.3">
      <c r="B78" s="32"/>
      <c r="C78" s="25"/>
      <c r="D78" s="25"/>
      <c r="E78" s="25"/>
      <c r="F78" s="26"/>
      <c r="G78" s="33"/>
    </row>
  </sheetData>
  <mergeCells count="30">
    <mergeCell ref="B8:M8"/>
    <mergeCell ref="B3:M3"/>
    <mergeCell ref="B4:M4"/>
    <mergeCell ref="B5:M5"/>
    <mergeCell ref="B6:M6"/>
    <mergeCell ref="B7:M7"/>
    <mergeCell ref="H31:J31"/>
    <mergeCell ref="B38:C38"/>
    <mergeCell ref="B9:M9"/>
    <mergeCell ref="B10:M10"/>
    <mergeCell ref="B17:E17"/>
    <mergeCell ref="B21:E21"/>
    <mergeCell ref="B22:E22"/>
    <mergeCell ref="B25:E25"/>
    <mergeCell ref="B51:C51"/>
    <mergeCell ref="B26:E26"/>
    <mergeCell ref="B27:E27"/>
    <mergeCell ref="B31:C31"/>
    <mergeCell ref="E31:G31"/>
    <mergeCell ref="B41:C41"/>
    <mergeCell ref="B44:C44"/>
    <mergeCell ref="B45:C45"/>
    <mergeCell ref="B49:C49"/>
    <mergeCell ref="B50:C50"/>
    <mergeCell ref="B69:G69"/>
    <mergeCell ref="B64:G64"/>
    <mergeCell ref="B65:G65"/>
    <mergeCell ref="B66:G66"/>
    <mergeCell ref="B67:G67"/>
    <mergeCell ref="B68:G68"/>
  </mergeCells>
  <hyperlinks>
    <hyperlink ref="B33" r:id="rId1" display="xquery.xqy?XSCRIPT=BUDMON_TRANS2.MAIN%20CC_CODE=%2210635%22%20EXPH=%22410000%22&amp;envMan=LBBLIVE"/>
    <hyperlink ref="K33" r:id="rId2" display="xquery.xqy?XSCRIPT=OUT_ORD_GL.MAIN%20GL_CODE=%2210635410000%22&amp;envMan=LBBLIVE"/>
    <hyperlink ref="B34" r:id="rId3" display="xquery.xqy?XSCRIPT=BUDMON_TRANS2.MAIN%20CC_CODE=%2210635%22%20EXPH=%22420070%22&amp;envMan=LBBLIVE"/>
    <hyperlink ref="K34" r:id="rId4" display="xquery.xqy?XSCRIPT=OUT_ORD_GL.MAIN%20GL_CODE=%2210635420070%22&amp;envMan=LBBLIVE"/>
    <hyperlink ref="B35" r:id="rId5" display="xquery.xqy?XSCRIPT=BUDMON_TRANS2.MAIN%20CC_CODE=%2210635%22%20EXPH=%22420090%22&amp;envMan=LBBLIVE"/>
    <hyperlink ref="K35" r:id="rId6" display="xquery.xqy?XSCRIPT=OUT_ORD_GL.MAIN%20GL_CODE=%2210635420090%22&amp;envMan=LBBLIVE"/>
    <hyperlink ref="B36" r:id="rId7" display="xquery.xqy?XSCRIPT=BUDMON_TRANS2.MAIN%20CC_CODE=%2210635%22%20EXPH=%22424010%22&amp;envMan=LBBLIVE"/>
    <hyperlink ref="K36" r:id="rId8" display="xquery.xqy?XSCRIPT=OUT_ORD_GL.MAIN%20GL_CODE=%2210635424010%22&amp;envMan=LBBLIVE"/>
    <hyperlink ref="B37" r:id="rId9" display="xquery.xqy?XSCRIPT=BUDMON_TRANS2.MAIN%20CC_CODE=%2210635%22%20EXPH=%22427000%22&amp;envMan=LBBLIVE"/>
    <hyperlink ref="K37" r:id="rId10" display="xquery.xqy?XSCRIPT=OUT_ORD_GL.MAIN%20GL_CODE=%2210635427000%22&amp;envMan=LBBLIVE"/>
    <hyperlink ref="B39" r:id="rId11" display="xquery.xqy?XSCRIPT=BUDMON_TRANS2.MAIN%20CC_CODE=%2210635%22%20EXPH=%22730000%22&amp;envMan=LBBLIVE"/>
    <hyperlink ref="K39" r:id="rId12" display="xquery.xqy?XSCRIPT=OUT_ORD_GL.MAIN%20GL_CODE=%2210635730000%22&amp;envMan=LBBLIVE"/>
    <hyperlink ref="B40" r:id="rId13" display="xquery.xqy?XSCRIPT=BUDMON_TRANS2.MAIN%20CC_CODE=%2210635%22%20EXPH=%22731000%22&amp;envMan=LBBLIVE"/>
    <hyperlink ref="K40" r:id="rId14" display="xquery.xqy?XSCRIPT=OUT_ORD_GL.MAIN%20GL_CODE=%2210635731000%22&amp;envMan=LBBLIVE"/>
    <hyperlink ref="B42" r:id="rId15" display="xquery.xqy?XSCRIPT=BUDMON_TRANS2.MAIN%20CC_CODE=%2210635%22%20EXPH=%22800000%22&amp;envMan=LBBLIVE"/>
    <hyperlink ref="K42" r:id="rId16" display="xquery.xqy?XSCRIPT=OUT_ORD_GL.MAIN%20GL_CODE=%2210635800000%22&amp;envMan=LBBLIVE"/>
    <hyperlink ref="B43" r:id="rId17" display="xquery.xqy?XSCRIPT=BUDMON_TRANS2.MAIN CC_CODE=&quot;10635&quot; EXPH=&quot;821025&quot;&amp;envMan=LBBLIVE"/>
    <hyperlink ref="K43" r:id="rId18" display="xquery.xqy?XSCRIPT=OUT_ORD_GL.MAIN%20GL_CODE=%2210635821025%22&amp;envMan=LBBLIVE"/>
    <hyperlink ref="B46" r:id="rId19" display="xquery.xqy?XSCRIPT=BUDMON_TRANS2.MAIN CC_CODE=&quot;10635&quot; EXPH=&quot;581000&quot;&amp;envMan=LBBLIVE"/>
    <hyperlink ref="K46" r:id="rId20" display="xquery.xqy?XSCRIPT=OUT_ORD_GL.MAIN%20GL_CODE=%2210635581000%22&amp;envMan=LBBLIVE"/>
    <hyperlink ref="B47" r:id="rId21" display="xquery.xqy?XSCRIPT=BUDMON_TRANS2.MAIN%20CC_CODE=%2210635%22%20EXPH=%22582000%22&amp;envMan=LBBLIVE"/>
    <hyperlink ref="K47" r:id="rId22" display="xquery.xqy?XSCRIPT=OUT_ORD_GL.MAIN%20GL_CODE=%2210635582000%22&amp;envMan=LBBLIVE"/>
    <hyperlink ref="B48" r:id="rId23" display="xquery.xqy?XSCRIPT=BUDMON_TRANS2.MAIN%20CC_CODE=%2210635%22%20EXPH=%22583010%22&amp;envMan=LBBLIVE"/>
    <hyperlink ref="K48" r:id="rId24" display="xquery.xqy?XSCRIPT=OUT_ORD_GL.MAIN%20GL_CODE=%2210635583010%22&amp;envMan=LBBLIVE"/>
    <hyperlink ref="B54" r:id="rId25" display="xquery.xqy?XSCRIPT=BUDMON_TRANS2.MAIN CC_CODE=&quot;10635&quot; EXPH=&quot;821025&quot;&amp;envMan=LBBLIVE"/>
    <hyperlink ref="B55" r:id="rId26" display="xquery.xqy?XSCRIPT=BUDMON_TRANS2.MAIN CC_CODE=&quot;10635&quot; EXPH=&quot;581000&quot;&amp;envMan=LBBLIVE"/>
    <hyperlink ref="B56" r:id="rId27" display="xquery.xqy?XSCRIPT=BUDMON_TRANS2.MAIN%20CC_CODE=%2210635%22%20EXPH=%22582000%22&amp;envMan=LBBLIVE"/>
    <hyperlink ref="B57" r:id="rId28" display="xquery.xqy?XSCRIPT=BUDMON_TRANS2.MAIN%20CC_CODE=%2210635%22%20EXPH=%22583010%22&amp;envMan=LBBLIVE"/>
  </hyperlinks>
  <pageMargins left="0.7" right="0.7" top="0.75" bottom="0.75" header="0.3" footer="0.3"/>
  <pageSetup paperSize="9" orientation="portrait" r:id="rId29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2018-19 Resources</vt:lpstr>
      <vt:lpstr>10635</vt:lpstr>
      <vt:lpstr>'2018-19 Resources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cio, Tina</dc:creator>
  <cp:lastModifiedBy>Hill, Jon</cp:lastModifiedBy>
  <cp:lastPrinted>2018-05-18T14:00:30Z</cp:lastPrinted>
  <dcterms:created xsi:type="dcterms:W3CDTF">2015-08-04T13:48:04Z</dcterms:created>
  <dcterms:modified xsi:type="dcterms:W3CDTF">2019-09-26T13:36:4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332604226</vt:i4>
  </property>
  <property fmtid="{D5CDD505-2E9C-101B-9397-08002B2CF9AE}" pid="3" name="_NewReviewCycle">
    <vt:lpwstr/>
  </property>
  <property fmtid="{D5CDD505-2E9C-101B-9397-08002B2CF9AE}" pid="4" name="_EmailSubject">
    <vt:lpwstr>SPA Table</vt:lpwstr>
  </property>
  <property fmtid="{D5CDD505-2E9C-101B-9397-08002B2CF9AE}" pid="5" name="_AuthorEmail">
    <vt:lpwstr>Tina.Mascio@barnet.gov.uk</vt:lpwstr>
  </property>
  <property fmtid="{D5CDD505-2E9C-101B-9397-08002B2CF9AE}" pid="6" name="_AuthorEmailDisplayName">
    <vt:lpwstr>Mascio, Tina</vt:lpwstr>
  </property>
  <property fmtid="{D5CDD505-2E9C-101B-9397-08002B2CF9AE}" pid="7" name="_ReviewingToolsShownOnce">
    <vt:lpwstr/>
  </property>
</Properties>
</file>